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mc:AlternateContent xmlns:mc="http://schemas.openxmlformats.org/markup-compatibility/2006">
    <mc:Choice Requires="x15">
      <x15ac:absPath xmlns:x15ac="http://schemas.microsoft.com/office/spreadsheetml/2010/11/ac" url="C:\Users\i045501\AppData\Local\Temp\B2Temp\CompAttach\"/>
    </mc:Choice>
  </mc:AlternateContent>
  <bookViews>
    <workbookView xWindow="0" yWindow="8340" windowWidth="14940" windowHeight="9000"/>
  </bookViews>
  <sheets>
    <sheet name="様式１-１" sheetId="15" r:id="rId1"/>
    <sheet name="様式１-2" sheetId="17" r:id="rId2"/>
    <sheet name="様式２-１" sheetId="4" r:id="rId3"/>
    <sheet name="様式２-２" sheetId="9" r:id="rId4"/>
    <sheet name="様式３" sheetId="12" r:id="rId5"/>
    <sheet name="様式４ " sheetId="21" r:id="rId6"/>
    <sheet name="様式６" sheetId="5" r:id="rId7"/>
    <sheet name="昨年との変更点" sheetId="24" r:id="rId8"/>
    <sheet name="記入例(様式１-１)" sheetId="18" r:id="rId9"/>
    <sheet name="記入例(様式１-2)" sheetId="19" r:id="rId10"/>
    <sheet name="記入例(様式２-１)" sheetId="20" r:id="rId11"/>
    <sheet name="記入例様式(２-２)" sheetId="23" r:id="rId12"/>
    <sheet name="記入例(様式4)" sheetId="22" r:id="rId13"/>
  </sheets>
  <definedNames>
    <definedName name="_xlnm.Print_Area" localSheetId="12">'記入例(様式4)'!$A$1:$P$45</definedName>
    <definedName name="_xlnm.Print_Area" localSheetId="5">'様式４ '!$A$1:$P$45</definedName>
    <definedName name="_xlnm.Print_Area" localSheetId="6">様式６!$A$1:$E$28</definedName>
  </definedNames>
  <calcPr calcId="152511"/>
</workbook>
</file>

<file path=xl/calcChain.xml><?xml version="1.0" encoding="utf-8"?>
<calcChain xmlns="http://schemas.openxmlformats.org/spreadsheetml/2006/main">
  <c r="M44" i="22" l="1"/>
  <c r="M45" i="22" s="1"/>
  <c r="J44" i="22"/>
  <c r="J45" i="22" s="1"/>
  <c r="M44" i="21"/>
  <c r="M45" i="21" s="1"/>
  <c r="J44" i="21"/>
  <c r="J45" i="21" s="1"/>
</calcChain>
</file>

<file path=xl/sharedStrings.xml><?xml version="1.0" encoding="utf-8"?>
<sst xmlns="http://schemas.openxmlformats.org/spreadsheetml/2006/main" count="634" uniqueCount="204">
  <si>
    <t xml:space="preserve"> </t>
    <phoneticPr fontId="2"/>
  </si>
  <si>
    <t>（            ）</t>
    <phoneticPr fontId="2"/>
  </si>
  <si>
    <t xml:space="preserve">                                                                                  </t>
    <phoneticPr fontId="2"/>
  </si>
  <si>
    <t xml:space="preserve">                                                                                    </t>
    <phoneticPr fontId="2"/>
  </si>
  <si>
    <t>保管場所</t>
    <rPh sb="0" eb="2">
      <t>ホカン</t>
    </rPh>
    <rPh sb="2" eb="4">
      <t>バショ</t>
    </rPh>
    <phoneticPr fontId="2"/>
  </si>
  <si>
    <t>学        科</t>
    <rPh sb="0" eb="1">
      <t>ガク</t>
    </rPh>
    <rPh sb="9" eb="10">
      <t>カ</t>
    </rPh>
    <phoneticPr fontId="2"/>
  </si>
  <si>
    <t xml:space="preserve"> 任者印 使用責　　</t>
    <rPh sb="1" eb="3">
      <t>セキニンシャ</t>
    </rPh>
    <rPh sb="3" eb="4">
      <t>イン</t>
    </rPh>
    <rPh sb="5" eb="7">
      <t>シヨウ</t>
    </rPh>
    <rPh sb="7" eb="8">
      <t>セキニン</t>
    </rPh>
    <phoneticPr fontId="2"/>
  </si>
  <si>
    <t>品名</t>
    <rPh sb="0" eb="2">
      <t>ヒンメイ</t>
    </rPh>
    <phoneticPr fontId="2"/>
  </si>
  <si>
    <t>使用責任者</t>
    <rPh sb="0" eb="2">
      <t>シヨウ</t>
    </rPh>
    <rPh sb="2" eb="5">
      <t>セキニンシャ</t>
    </rPh>
    <phoneticPr fontId="2"/>
  </si>
  <si>
    <t>取扱目的（具体的に記入）</t>
    <rPh sb="0" eb="2">
      <t>トリアツカイ</t>
    </rPh>
    <rPh sb="2" eb="4">
      <t>モクテキ</t>
    </rPh>
    <rPh sb="5" eb="8">
      <t>グタイテキ</t>
    </rPh>
    <rPh sb="9" eb="11">
      <t>キニュウ</t>
    </rPh>
    <phoneticPr fontId="2"/>
  </si>
  <si>
    <t>使用者印
（サイン可）</t>
    <rPh sb="0" eb="3">
      <t>シヨウシャ</t>
    </rPh>
    <rPh sb="3" eb="4">
      <t>イン</t>
    </rPh>
    <rPh sb="9" eb="10">
      <t>カ</t>
    </rPh>
    <phoneticPr fontId="2"/>
  </si>
  <si>
    <t>使用責任者
印</t>
    <rPh sb="0" eb="2">
      <t>シヨウ</t>
    </rPh>
    <rPh sb="2" eb="5">
      <t>セキニンシャ</t>
    </rPh>
    <rPh sb="6" eb="7">
      <t>イン</t>
    </rPh>
    <phoneticPr fontId="2"/>
  </si>
  <si>
    <t>頁計</t>
    <rPh sb="0" eb="1">
      <t>ペイジ</t>
    </rPh>
    <rPh sb="1" eb="2">
      <t>ケイ</t>
    </rPh>
    <phoneticPr fontId="2"/>
  </si>
  <si>
    <t>規   格</t>
    <rPh sb="0" eb="5">
      <t>キカク</t>
    </rPh>
    <phoneticPr fontId="2"/>
  </si>
  <si>
    <t xml:space="preserve"> </t>
    <phoneticPr fontId="2"/>
  </si>
  <si>
    <t>残            量</t>
    <rPh sb="0" eb="14">
      <t>ザンリョウ</t>
    </rPh>
    <phoneticPr fontId="2"/>
  </si>
  <si>
    <t>学　　科</t>
    <phoneticPr fontId="2"/>
  </si>
  <si>
    <t xml:space="preserve">    （      ）</t>
    <phoneticPr fontId="2"/>
  </si>
  <si>
    <t>No</t>
    <phoneticPr fontId="2"/>
  </si>
  <si>
    <r>
      <t>使用責任者</t>
    </r>
    <r>
      <rPr>
        <sz val="9"/>
        <rFont val="ＭＳ Ｐゴシック"/>
        <family val="3"/>
        <charset val="128"/>
      </rPr>
      <t>（内線番号</t>
    </r>
    <r>
      <rPr>
        <sz val="12"/>
        <rFont val="ＭＳ Ｐゴシック"/>
        <family val="3"/>
        <charset val="128"/>
      </rPr>
      <t>）</t>
    </r>
    <rPh sb="6" eb="8">
      <t>ナイセン</t>
    </rPh>
    <rPh sb="8" eb="10">
      <t>バンゴウ</t>
    </rPh>
    <phoneticPr fontId="2"/>
  </si>
  <si>
    <t>研究室名</t>
    <rPh sb="0" eb="3">
      <t>ケンキュウシツ</t>
    </rPh>
    <rPh sb="3" eb="4">
      <t>ナ</t>
    </rPh>
    <phoneticPr fontId="2"/>
  </si>
  <si>
    <t>内線番号</t>
    <rPh sb="0" eb="2">
      <t>ナイセン</t>
    </rPh>
    <rPh sb="2" eb="4">
      <t>バンゴウ</t>
    </rPh>
    <phoneticPr fontId="2"/>
  </si>
  <si>
    <t xml:space="preserve">〔備考〕                                                                                    </t>
    <rPh sb="1" eb="3">
      <t>ビコウ</t>
    </rPh>
    <phoneticPr fontId="2"/>
  </si>
  <si>
    <t>※毎年度の管理とし、繰返しがある場合は「受入量」欄に数量を記入し、「使用目的」欄に繰越しと記入のこと。</t>
    <rPh sb="1" eb="4">
      <t>マイネンド</t>
    </rPh>
    <rPh sb="5" eb="7">
      <t>カンリ</t>
    </rPh>
    <rPh sb="10" eb="12">
      <t>クリカエ</t>
    </rPh>
    <rPh sb="16" eb="18">
      <t>バアイ</t>
    </rPh>
    <rPh sb="20" eb="22">
      <t>ウケイレ</t>
    </rPh>
    <rPh sb="22" eb="23">
      <t>リョウ</t>
    </rPh>
    <rPh sb="24" eb="25">
      <t>ラン</t>
    </rPh>
    <rPh sb="26" eb="28">
      <t>スウリョウ</t>
    </rPh>
    <rPh sb="29" eb="31">
      <t>キニュウ</t>
    </rPh>
    <rPh sb="34" eb="36">
      <t>シヨウ</t>
    </rPh>
    <rPh sb="36" eb="38">
      <t>モクテキ</t>
    </rPh>
    <rPh sb="39" eb="40">
      <t>ラン</t>
    </rPh>
    <rPh sb="41" eb="43">
      <t>クリコシ</t>
    </rPh>
    <rPh sb="45" eb="47">
      <t>キニュウ</t>
    </rPh>
    <phoneticPr fontId="2"/>
  </si>
  <si>
    <t xml:space="preserve">【注意】  </t>
    <rPh sb="1" eb="2">
      <t>チュウ</t>
    </rPh>
    <rPh sb="2" eb="3">
      <t>イ</t>
    </rPh>
    <phoneticPr fontId="2"/>
  </si>
  <si>
    <t>前年度繰越</t>
    <rPh sb="0" eb="3">
      <t>ゼンネンド</t>
    </rPh>
    <rPh sb="3" eb="5">
      <t>クリコシ</t>
    </rPh>
    <phoneticPr fontId="2"/>
  </si>
  <si>
    <t>△△△検査</t>
    <rPh sb="3" eb="5">
      <t>ケンサ</t>
    </rPh>
    <phoneticPr fontId="2"/>
  </si>
  <si>
    <r>
      <t>（ｻｲﾝ可）　　　</t>
    </r>
    <r>
      <rPr>
        <sz val="10"/>
        <rFont val="ＭＳ Ｐゴシック"/>
        <family val="3"/>
        <charset val="128"/>
      </rPr>
      <t>使用者印</t>
    </r>
    <rPh sb="4" eb="5">
      <t>カ</t>
    </rPh>
    <rPh sb="9" eb="12">
      <t>シヨウシャ</t>
    </rPh>
    <rPh sb="12" eb="13">
      <t>イン</t>
    </rPh>
    <phoneticPr fontId="2"/>
  </si>
  <si>
    <t>新規購入</t>
    <rPh sb="0" eb="2">
      <t>シンキ</t>
    </rPh>
    <rPh sb="2" eb="4">
      <t>コウニュウ</t>
    </rPh>
    <phoneticPr fontId="2"/>
  </si>
  <si>
    <t>・薬品名、規格毎に別紙とする。</t>
    <rPh sb="1" eb="3">
      <t>ヤクヒン</t>
    </rPh>
    <rPh sb="3" eb="4">
      <t>メイ</t>
    </rPh>
    <rPh sb="5" eb="7">
      <t>キカク</t>
    </rPh>
    <rPh sb="7" eb="8">
      <t>ゴト</t>
    </rPh>
    <rPh sb="9" eb="11">
      <t>ベッシ</t>
    </rPh>
    <phoneticPr fontId="2"/>
  </si>
  <si>
    <t>毒物 ・ 劇物在庫一覧</t>
    <rPh sb="1" eb="2">
      <t>ブツ</t>
    </rPh>
    <rPh sb="7" eb="9">
      <t>ザイコ</t>
    </rPh>
    <rPh sb="9" eb="11">
      <t>イチラン</t>
    </rPh>
    <phoneticPr fontId="2"/>
  </si>
  <si>
    <t>毒・劇</t>
    <rPh sb="0" eb="1">
      <t>ドク</t>
    </rPh>
    <rPh sb="2" eb="3">
      <t>ゲキ</t>
    </rPh>
    <phoneticPr fontId="2"/>
  </si>
  <si>
    <t>〔医薬用外毒物劇物〕</t>
    <rPh sb="1" eb="3">
      <t>イヤク</t>
    </rPh>
    <rPh sb="3" eb="4">
      <t>ヨウ</t>
    </rPh>
    <rPh sb="4" eb="5">
      <t>ガイ</t>
    </rPh>
    <rPh sb="5" eb="7">
      <t>ドクブツ</t>
    </rPh>
    <rPh sb="7" eb="9">
      <t>ゲキブツ</t>
    </rPh>
    <phoneticPr fontId="2"/>
  </si>
  <si>
    <t>適正管理化学物質在庫一覧</t>
    <rPh sb="4" eb="8">
      <t>カガクブッシツ</t>
    </rPh>
    <rPh sb="8" eb="10">
      <t>ザイコ</t>
    </rPh>
    <rPh sb="10" eb="12">
      <t>イチラン</t>
    </rPh>
    <phoneticPr fontId="2"/>
  </si>
  <si>
    <t>適正管理化学物質名</t>
    <rPh sb="0" eb="2">
      <t>テキセイ</t>
    </rPh>
    <rPh sb="2" eb="4">
      <t>カンリ</t>
    </rPh>
    <rPh sb="4" eb="6">
      <t>カガク</t>
    </rPh>
    <rPh sb="6" eb="8">
      <t>ブッシツ</t>
    </rPh>
    <rPh sb="8" eb="9">
      <t>ナ</t>
    </rPh>
    <phoneticPr fontId="2"/>
  </si>
  <si>
    <r>
      <t>学科：</t>
    </r>
    <r>
      <rPr>
        <sz val="11"/>
        <color indexed="8"/>
        <rFont val="ＭＳ Ｐゴシック"/>
        <family val="3"/>
        <charset val="128"/>
      </rPr>
      <t/>
    </r>
    <rPh sb="0" eb="2">
      <t>ガッカ</t>
    </rPh>
    <phoneticPr fontId="2"/>
  </si>
  <si>
    <t>部屋番号：</t>
    <rPh sb="0" eb="2">
      <t>ヘヤ</t>
    </rPh>
    <rPh sb="2" eb="4">
      <t>バンゴウ</t>
    </rPh>
    <phoneticPr fontId="2"/>
  </si>
  <si>
    <t>点検項目</t>
    <rPh sb="0" eb="2">
      <t>テンケン</t>
    </rPh>
    <rPh sb="2" eb="4">
      <t>コウモク</t>
    </rPh>
    <phoneticPr fontId="2"/>
  </si>
  <si>
    <t>チェック</t>
    <phoneticPr fontId="2"/>
  </si>
  <si>
    <t>コメント</t>
    <phoneticPr fontId="2"/>
  </si>
  <si>
    <t>様式（作成・管理）</t>
    <rPh sb="0" eb="2">
      <t>ヨウシキ</t>
    </rPh>
    <rPh sb="3" eb="5">
      <t>サクセイ</t>
    </rPh>
    <rPh sb="6" eb="8">
      <t>カンリ</t>
    </rPh>
    <phoneticPr fontId="2"/>
  </si>
  <si>
    <t>適正管理化学物質管理簿（様式4）が作成・管理されている</t>
    <rPh sb="0" eb="2">
      <t>テキセイ</t>
    </rPh>
    <rPh sb="2" eb="4">
      <t>カンリ</t>
    </rPh>
    <rPh sb="4" eb="6">
      <t>カガク</t>
    </rPh>
    <rPh sb="6" eb="8">
      <t>ブッシツ</t>
    </rPh>
    <rPh sb="8" eb="10">
      <t>カンリ</t>
    </rPh>
    <rPh sb="10" eb="11">
      <t>ボ</t>
    </rPh>
    <rPh sb="12" eb="14">
      <t>ヨウシキ</t>
    </rPh>
    <phoneticPr fontId="2"/>
  </si>
  <si>
    <t>貯蔵設備（保管庫）</t>
    <rPh sb="0" eb="2">
      <t>チョゾウ</t>
    </rPh>
    <rPh sb="2" eb="4">
      <t>セツビ</t>
    </rPh>
    <rPh sb="5" eb="8">
      <t>ホカンコ</t>
    </rPh>
    <phoneticPr fontId="2"/>
  </si>
  <si>
    <t>鍵の設備がある</t>
    <rPh sb="0" eb="1">
      <t>カギ</t>
    </rPh>
    <rPh sb="2" eb="4">
      <t>セツビ</t>
    </rPh>
    <phoneticPr fontId="2"/>
  </si>
  <si>
    <t>鍵の管理体制がある</t>
    <rPh sb="0" eb="1">
      <t>カギ</t>
    </rPh>
    <rPh sb="2" eb="4">
      <t>カンリ</t>
    </rPh>
    <rPh sb="4" eb="6">
      <t>タイセイ</t>
    </rPh>
    <phoneticPr fontId="2"/>
  </si>
  <si>
    <t>常時施錠されている</t>
    <rPh sb="0" eb="2">
      <t>ジョウジ</t>
    </rPh>
    <rPh sb="2" eb="4">
      <t>セジョウ</t>
    </rPh>
    <phoneticPr fontId="2"/>
  </si>
  <si>
    <t>医薬用外毒物の表示（シール等）がある</t>
    <rPh sb="0" eb="3">
      <t>イヤクヨウ</t>
    </rPh>
    <rPh sb="3" eb="4">
      <t>ガイ</t>
    </rPh>
    <rPh sb="4" eb="6">
      <t>ドクブツ</t>
    </rPh>
    <rPh sb="7" eb="9">
      <t>ヒョウジ</t>
    </rPh>
    <rPh sb="13" eb="14">
      <t>トウ</t>
    </rPh>
    <phoneticPr fontId="2"/>
  </si>
  <si>
    <t>医薬用外劇物の表示（シール等）がある</t>
    <rPh sb="0" eb="3">
      <t>イヤクヨウ</t>
    </rPh>
    <rPh sb="3" eb="4">
      <t>ガイ</t>
    </rPh>
    <rPh sb="4" eb="6">
      <t>ゲキブツ</t>
    </rPh>
    <rPh sb="7" eb="9">
      <t>ヒョウジ</t>
    </rPh>
    <rPh sb="13" eb="14">
      <t>トウ</t>
    </rPh>
    <phoneticPr fontId="2"/>
  </si>
  <si>
    <t>ｶﾞﾗｽ容器の保管はトレーに仕切りを入れる</t>
  </si>
  <si>
    <t>飛散・流出防止対策されている</t>
    <rPh sb="0" eb="2">
      <t>ヒサン</t>
    </rPh>
    <rPh sb="3" eb="5">
      <t>リュウシュツ</t>
    </rPh>
    <rPh sb="5" eb="7">
      <t>ボウシ</t>
    </rPh>
    <rPh sb="7" eb="9">
      <t>タイサク</t>
    </rPh>
    <phoneticPr fontId="2"/>
  </si>
  <si>
    <t>耐震対策がされている(転倒防止）</t>
    <rPh sb="0" eb="2">
      <t>タイシン</t>
    </rPh>
    <rPh sb="2" eb="4">
      <t>タイサク</t>
    </rPh>
    <rPh sb="11" eb="13">
      <t>テントウ</t>
    </rPh>
    <rPh sb="13" eb="15">
      <t>ボウシ</t>
    </rPh>
    <phoneticPr fontId="2"/>
  </si>
  <si>
    <t>容器</t>
    <rPh sb="0" eb="2">
      <t>ヨウキ</t>
    </rPh>
    <phoneticPr fontId="2"/>
  </si>
  <si>
    <t>安全対策</t>
    <rPh sb="0" eb="2">
      <t>アンゼン</t>
    </rPh>
    <rPh sb="2" eb="4">
      <t>タイサク</t>
    </rPh>
    <phoneticPr fontId="2"/>
  </si>
  <si>
    <t>保護メガネを常備している</t>
    <rPh sb="0" eb="2">
      <t>ホゴ</t>
    </rPh>
    <rPh sb="6" eb="8">
      <t>ジョウビ</t>
    </rPh>
    <phoneticPr fontId="2"/>
  </si>
  <si>
    <t>実験時に実験着を着用している</t>
    <rPh sb="0" eb="2">
      <t>ジッケン</t>
    </rPh>
    <rPh sb="2" eb="3">
      <t>ジ</t>
    </rPh>
    <rPh sb="4" eb="6">
      <t>ジッケン</t>
    </rPh>
    <rPh sb="6" eb="7">
      <t>ギ</t>
    </rPh>
    <rPh sb="8" eb="10">
      <t>チャクヨウ</t>
    </rPh>
    <phoneticPr fontId="2"/>
  </si>
  <si>
    <t>その他</t>
    <rPh sb="2" eb="3">
      <t>タ</t>
    </rPh>
    <phoneticPr fontId="2"/>
  </si>
  <si>
    <t>ボンベ転倒防止対策がされている</t>
    <rPh sb="3" eb="5">
      <t>テントウ</t>
    </rPh>
    <rPh sb="5" eb="7">
      <t>ボウシ</t>
    </rPh>
    <rPh sb="7" eb="9">
      <t>タイサク</t>
    </rPh>
    <phoneticPr fontId="2"/>
  </si>
  <si>
    <t>緊急時の連絡体制ポスターが貼られている</t>
    <rPh sb="0" eb="3">
      <t>キンキュウジ</t>
    </rPh>
    <rPh sb="4" eb="6">
      <t>レンラク</t>
    </rPh>
    <rPh sb="6" eb="8">
      <t>タイセイ</t>
    </rPh>
    <rPh sb="13" eb="14">
      <t>ハ</t>
    </rPh>
    <phoneticPr fontId="2"/>
  </si>
  <si>
    <t>「安全の手引き」が常備されている</t>
    <rPh sb="1" eb="3">
      <t>アンゼン</t>
    </rPh>
    <rPh sb="4" eb="6">
      <t>テビ</t>
    </rPh>
    <rPh sb="9" eb="11">
      <t>ジョウビ</t>
    </rPh>
    <phoneticPr fontId="2"/>
  </si>
  <si>
    <t>＜総括＞</t>
    <rPh sb="1" eb="3">
      <t>ソウカツ</t>
    </rPh>
    <phoneticPr fontId="2"/>
  </si>
  <si>
    <t>使用責任者：</t>
    <rPh sb="0" eb="2">
      <t>シヨウ</t>
    </rPh>
    <rPh sb="2" eb="5">
      <t>セキニンシャ</t>
    </rPh>
    <phoneticPr fontId="2"/>
  </si>
  <si>
    <t>毒物・劇物名</t>
    <rPh sb="0" eb="1">
      <t>ドク</t>
    </rPh>
    <rPh sb="1" eb="2">
      <t>ブツ</t>
    </rPh>
    <rPh sb="3" eb="5">
      <t>ゲキブツ</t>
    </rPh>
    <rPh sb="5" eb="6">
      <t>ナ</t>
    </rPh>
    <phoneticPr fontId="2"/>
  </si>
  <si>
    <t>管理簿（様式1-1）、管理簿（様式1-2）が作成・管理されている</t>
    <rPh sb="0" eb="2">
      <t>カンリ</t>
    </rPh>
    <rPh sb="2" eb="3">
      <t>ボ</t>
    </rPh>
    <rPh sb="4" eb="6">
      <t>ヨウシキ</t>
    </rPh>
    <rPh sb="22" eb="24">
      <t>サクセイ</t>
    </rPh>
    <rPh sb="25" eb="27">
      <t>カンリ</t>
    </rPh>
    <phoneticPr fontId="2"/>
  </si>
  <si>
    <t>在庫一覧（様式2-1）、在庫一覧（様式2-2）が作成・管理されている</t>
    <rPh sb="0" eb="2">
      <t>ザイコ</t>
    </rPh>
    <rPh sb="2" eb="4">
      <t>イチラン</t>
    </rPh>
    <rPh sb="5" eb="7">
      <t>ヨウシキ</t>
    </rPh>
    <phoneticPr fontId="2"/>
  </si>
  <si>
    <t>危険物収納庫の危険物リストが作成・管理されている</t>
    <rPh sb="0" eb="3">
      <t>キケンブツ</t>
    </rPh>
    <rPh sb="7" eb="10">
      <t>キケンブツ</t>
    </rPh>
    <phoneticPr fontId="2"/>
  </si>
  <si>
    <t>化学物質使用責任者一覧</t>
    <rPh sb="0" eb="2">
      <t>カガク</t>
    </rPh>
    <rPh sb="2" eb="4">
      <t>ブッシツ</t>
    </rPh>
    <rPh sb="4" eb="6">
      <t>シヨウ</t>
    </rPh>
    <rPh sb="6" eb="9">
      <t>セキニンシャ</t>
    </rPh>
    <rPh sb="9" eb="11">
      <t>イチラン</t>
    </rPh>
    <phoneticPr fontId="2"/>
  </si>
  <si>
    <t>危険物リストの掲示がある</t>
    <rPh sb="0" eb="3">
      <t>キケンブツ</t>
    </rPh>
    <rPh sb="7" eb="9">
      <t>ケイジ</t>
    </rPh>
    <phoneticPr fontId="2"/>
  </si>
  <si>
    <t>毒物・劇物・危険物が区別され、保管されている</t>
    <rPh sb="1" eb="2">
      <t>ブツ</t>
    </rPh>
    <rPh sb="6" eb="9">
      <t>キケンブツ</t>
    </rPh>
    <rPh sb="10" eb="12">
      <t>クベツ</t>
    </rPh>
    <rPh sb="15" eb="17">
      <t>ホカン</t>
    </rPh>
    <phoneticPr fontId="2"/>
  </si>
  <si>
    <t>毒物・劇物の容器に表示がある</t>
    <rPh sb="0" eb="2">
      <t>ドクブツ</t>
    </rPh>
    <rPh sb="3" eb="5">
      <t>ゲキブツ</t>
    </rPh>
    <rPh sb="6" eb="8">
      <t>ヨウキ</t>
    </rPh>
    <rPh sb="9" eb="11">
      <t>ヒョウジ</t>
    </rPh>
    <phoneticPr fontId="2"/>
  </si>
  <si>
    <t>毒物・劇物・危険物の容器に異常（変形・破損）がない</t>
    <rPh sb="0" eb="2">
      <t>ドクブツ</t>
    </rPh>
    <rPh sb="3" eb="5">
      <t>ゲキブツ</t>
    </rPh>
    <rPh sb="6" eb="9">
      <t>キケンブツ</t>
    </rPh>
    <rPh sb="10" eb="12">
      <t>ヨウキ</t>
    </rPh>
    <rPh sb="13" eb="15">
      <t>イジョウ</t>
    </rPh>
    <rPh sb="16" eb="18">
      <t>ヘンケイ</t>
    </rPh>
    <rPh sb="19" eb="21">
      <t>ハソン</t>
    </rPh>
    <phoneticPr fontId="2"/>
  </si>
  <si>
    <t>検査担当者確認印：</t>
    <rPh sb="0" eb="2">
      <t>ケンサ</t>
    </rPh>
    <rPh sb="2" eb="5">
      <t>タントウシャ</t>
    </rPh>
    <rPh sb="5" eb="7">
      <t>カクニン</t>
    </rPh>
    <rPh sb="7" eb="8">
      <t>ジルシ</t>
    </rPh>
    <phoneticPr fontId="2"/>
  </si>
  <si>
    <t>化学物質管理件数</t>
    <rPh sb="0" eb="2">
      <t>カガク</t>
    </rPh>
    <rPh sb="2" eb="4">
      <t>ブッシツ</t>
    </rPh>
    <rPh sb="4" eb="6">
      <t>カンリ</t>
    </rPh>
    <rPh sb="6" eb="8">
      <t>ケンスウ</t>
    </rPh>
    <phoneticPr fontId="2"/>
  </si>
  <si>
    <t>（様式６）</t>
    <rPh sb="1" eb="3">
      <t>ヨウシキ</t>
    </rPh>
    <phoneticPr fontId="2"/>
  </si>
  <si>
    <t>①</t>
    <phoneticPr fontId="2"/>
  </si>
  <si>
    <t>印</t>
  </si>
  <si>
    <t>㊞</t>
    <phoneticPr fontId="2"/>
  </si>
  <si>
    <t>g</t>
    <phoneticPr fontId="2"/>
  </si>
  <si>
    <t>その他の排出先または廃水先</t>
    <rPh sb="2" eb="3">
      <t>タ</t>
    </rPh>
    <rPh sb="4" eb="6">
      <t>ハイシュツ</t>
    </rPh>
    <rPh sb="6" eb="7">
      <t>サキ</t>
    </rPh>
    <rPh sb="10" eb="12">
      <t>ハイスイ</t>
    </rPh>
    <rPh sb="12" eb="13">
      <t>サキ</t>
    </rPh>
    <phoneticPr fontId="2"/>
  </si>
  <si>
    <t>部屋名称</t>
    <rPh sb="0" eb="2">
      <t>ヘヤ</t>
    </rPh>
    <rPh sb="2" eb="4">
      <t>メイショウ</t>
    </rPh>
    <phoneticPr fontId="2"/>
  </si>
  <si>
    <t>（部屋番号)</t>
    <phoneticPr fontId="2"/>
  </si>
  <si>
    <t>○○○○研究室</t>
    <rPh sb="4" eb="6">
      <t>ケンキュウ</t>
    </rPh>
    <rPh sb="6" eb="7">
      <t>シツ</t>
    </rPh>
    <phoneticPr fontId="2"/>
  </si>
  <si>
    <t>05Ｑ32</t>
    <phoneticPr fontId="2"/>
  </si>
  <si>
    <t>○○　○○</t>
    <phoneticPr fontId="2"/>
  </si>
  <si>
    <t>（番号)</t>
    <phoneticPr fontId="2"/>
  </si>
  <si>
    <t>使用責任者（教員名)</t>
    <rPh sb="0" eb="2">
      <t>シヨウ</t>
    </rPh>
    <rPh sb="2" eb="5">
      <t>セキニンシャ</t>
    </rPh>
    <rPh sb="6" eb="8">
      <t>キョウイン</t>
    </rPh>
    <rPh sb="8" eb="9">
      <t>メイ</t>
    </rPh>
    <phoneticPr fontId="2"/>
  </si>
  <si>
    <t>①</t>
  </si>
  <si>
    <t>大気</t>
    <phoneticPr fontId="2"/>
  </si>
  <si>
    <t>②</t>
    <phoneticPr fontId="2"/>
  </si>
  <si>
    <t>公共用水域（川）</t>
  </si>
  <si>
    <t>③</t>
    <phoneticPr fontId="2"/>
  </si>
  <si>
    <t>その他（具体的に）</t>
  </si>
  <si>
    <t>中和槽に廃水</t>
  </si>
  <si>
    <t>廃液用ポリタンク</t>
  </si>
  <si>
    <t>2/5</t>
    <phoneticPr fontId="2"/>
  </si>
  <si>
    <t>適正管理化学物質管理簿</t>
    <rPh sb="0" eb="4">
      <t>テキセイカンリ</t>
    </rPh>
    <rPh sb="4" eb="8">
      <t>カガクブッシツ</t>
    </rPh>
    <rPh sb="8" eb="11">
      <t>カンリボ</t>
    </rPh>
    <phoneticPr fontId="2"/>
  </si>
  <si>
    <t>年度計</t>
    <rPh sb="0" eb="2">
      <t>ネンド</t>
    </rPh>
    <rPh sb="2" eb="3">
      <t>ケイ</t>
    </rPh>
    <phoneticPr fontId="2"/>
  </si>
  <si>
    <t>毒物使用管理簿</t>
    <rPh sb="0" eb="1">
      <t>ドク</t>
    </rPh>
    <rPh sb="1" eb="2">
      <t>モノ</t>
    </rPh>
    <rPh sb="2" eb="4">
      <t>シヨウ</t>
    </rPh>
    <rPh sb="4" eb="6">
      <t>カンリ</t>
    </rPh>
    <rPh sb="6" eb="7">
      <t>ボ</t>
    </rPh>
    <phoneticPr fontId="2"/>
  </si>
  <si>
    <t>毒物名</t>
    <rPh sb="0" eb="2">
      <t>ドクブツ</t>
    </rPh>
    <rPh sb="2" eb="3">
      <t>メイ</t>
    </rPh>
    <phoneticPr fontId="2"/>
  </si>
  <si>
    <t>年　月　日</t>
    <rPh sb="0" eb="1">
      <t>トシ</t>
    </rPh>
    <rPh sb="2" eb="3">
      <t>ツキ</t>
    </rPh>
    <rPh sb="4" eb="5">
      <t>ヒ</t>
    </rPh>
    <phoneticPr fontId="2"/>
  </si>
  <si>
    <t>使    用    状    況　</t>
    <rPh sb="0" eb="6">
      <t>シヨウ</t>
    </rPh>
    <rPh sb="10" eb="16">
      <t>ジョウキョウ</t>
    </rPh>
    <phoneticPr fontId="2"/>
  </si>
  <si>
    <t>劇物名</t>
    <rPh sb="0" eb="2">
      <t>ゲキブツ</t>
    </rPh>
    <rPh sb="2" eb="3">
      <t>メイ</t>
    </rPh>
    <phoneticPr fontId="2"/>
  </si>
  <si>
    <t>劇物使用管理簿</t>
    <rPh sb="0" eb="1">
      <t>ゲキ</t>
    </rPh>
    <rPh sb="1" eb="2">
      <t>モノ</t>
    </rPh>
    <rPh sb="2" eb="4">
      <t>シヨウ</t>
    </rPh>
    <rPh sb="4" eb="6">
      <t>カンリ</t>
    </rPh>
    <rPh sb="6" eb="7">
      <t>ボ</t>
    </rPh>
    <phoneticPr fontId="2"/>
  </si>
  <si>
    <t>受入量(g、ml)</t>
    <rPh sb="0" eb="2">
      <t>ウケイレ</t>
    </rPh>
    <rPh sb="2" eb="3">
      <t>リョウ</t>
    </rPh>
    <phoneticPr fontId="2"/>
  </si>
  <si>
    <t>使用量(g、ml)</t>
    <rPh sb="0" eb="3">
      <t>シヨウリョウ</t>
    </rPh>
    <phoneticPr fontId="2"/>
  </si>
  <si>
    <t>残  量(g、ml)</t>
    <rPh sb="0" eb="4">
      <t>ザンリョウ</t>
    </rPh>
    <phoneticPr fontId="2"/>
  </si>
  <si>
    <t>とする。</t>
    <phoneticPr fontId="2"/>
  </si>
  <si>
    <r>
      <t xml:space="preserve">使  用  目  的
</t>
    </r>
    <r>
      <rPr>
        <sz val="10"/>
        <rFont val="ＭＳ Ｐゴシック"/>
        <family val="3"/>
        <charset val="128"/>
      </rPr>
      <t>繰返しがある場合は「受入量」欄に数量を記入し、「使用目的」欄に繰越しと記入のこと。</t>
    </r>
    <rPh sb="0" eb="4">
      <t>シヨウ</t>
    </rPh>
    <rPh sb="6" eb="10">
      <t>モクテキ</t>
    </rPh>
    <phoneticPr fontId="2"/>
  </si>
  <si>
    <r>
      <t>担当責任者</t>
    </r>
    <r>
      <rPr>
        <sz val="10"/>
        <rFont val="ＭＳ Ｐゴシック"/>
        <family val="3"/>
        <charset val="128"/>
        <scheme val="minor"/>
      </rPr>
      <t>（学科主任)</t>
    </r>
    <rPh sb="2" eb="4">
      <t>セキニン</t>
    </rPh>
    <rPh sb="6" eb="8">
      <t>ガッカ</t>
    </rPh>
    <rPh sb="8" eb="10">
      <t>シュニン</t>
    </rPh>
    <phoneticPr fontId="2"/>
  </si>
  <si>
    <t>容量
(g,ml)</t>
    <rPh sb="0" eb="2">
      <t>ヨウリョウ</t>
    </rPh>
    <phoneticPr fontId="2"/>
  </si>
  <si>
    <r>
      <t>毒物使用管理簿</t>
    </r>
    <r>
      <rPr>
        <b/>
        <sz val="22"/>
        <color rgb="FFFF0000"/>
        <rFont val="ＭＳ Ｐゴシック"/>
        <family val="3"/>
        <charset val="128"/>
      </rPr>
      <t>(記入例）</t>
    </r>
    <rPh sb="0" eb="1">
      <t>ドク</t>
    </rPh>
    <rPh sb="1" eb="2">
      <t>モノ</t>
    </rPh>
    <rPh sb="2" eb="4">
      <t>シヨウ</t>
    </rPh>
    <rPh sb="4" eb="6">
      <t>カンリ</t>
    </rPh>
    <rPh sb="6" eb="7">
      <t>ボ</t>
    </rPh>
    <rPh sb="8" eb="10">
      <t>キニュウ</t>
    </rPh>
    <rPh sb="10" eb="11">
      <t>レイ</t>
    </rPh>
    <phoneticPr fontId="2"/>
  </si>
  <si>
    <t>セレン</t>
    <phoneticPr fontId="2"/>
  </si>
  <si>
    <t>特級</t>
    <rPh sb="0" eb="2">
      <t>トッキュウ</t>
    </rPh>
    <phoneticPr fontId="2"/>
  </si>
  <si>
    <t>荷姿・容量</t>
    <rPh sb="0" eb="1">
      <t>ニ</t>
    </rPh>
    <rPh sb="1" eb="2">
      <t>スガタ</t>
    </rPh>
    <rPh sb="3" eb="5">
      <t>ヨウリョウ</t>
    </rPh>
    <phoneticPr fontId="2"/>
  </si>
  <si>
    <t>25g</t>
    <phoneticPr fontId="2"/>
  </si>
  <si>
    <t>アセトニトリル</t>
    <phoneticPr fontId="2"/>
  </si>
  <si>
    <t>500ml</t>
    <phoneticPr fontId="2"/>
  </si>
  <si>
    <t>荷姿容量</t>
    <rPh sb="0" eb="2">
      <t>ニスガタ</t>
    </rPh>
    <rPh sb="2" eb="4">
      <t>ヨウリョウ</t>
    </rPh>
    <phoneticPr fontId="2"/>
  </si>
  <si>
    <t>400ml</t>
    <phoneticPr fontId="2"/>
  </si>
  <si>
    <t>受入量(g,ml)</t>
    <rPh sb="0" eb="2">
      <t>ウケイレ</t>
    </rPh>
    <rPh sb="2" eb="3">
      <t>リョウ</t>
    </rPh>
    <phoneticPr fontId="2"/>
  </si>
  <si>
    <t>使用量(g,ml)</t>
    <rPh sb="0" eb="3">
      <t>シヨウリョウ</t>
    </rPh>
    <phoneticPr fontId="2"/>
  </si>
  <si>
    <t>残  量(g,ml)</t>
    <rPh sb="0" eb="4">
      <t>ザンリョウ</t>
    </rPh>
    <phoneticPr fontId="2"/>
  </si>
  <si>
    <t>15g</t>
    <phoneticPr fontId="2"/>
  </si>
  <si>
    <t>10g</t>
    <phoneticPr fontId="2"/>
  </si>
  <si>
    <t>300ml</t>
    <phoneticPr fontId="2"/>
  </si>
  <si>
    <t>200ml</t>
    <phoneticPr fontId="2"/>
  </si>
  <si>
    <t>１00ml</t>
    <phoneticPr fontId="2"/>
  </si>
  <si>
    <t>4/5</t>
    <phoneticPr fontId="2"/>
  </si>
  <si>
    <t>1/5</t>
    <phoneticPr fontId="2"/>
  </si>
  <si>
    <r>
      <t>劇物使用管理簿</t>
    </r>
    <r>
      <rPr>
        <b/>
        <sz val="22"/>
        <color rgb="FFFF0000"/>
        <rFont val="ＭＳ Ｐゴシック"/>
        <family val="3"/>
        <charset val="128"/>
      </rPr>
      <t>(記入例）</t>
    </r>
    <rPh sb="0" eb="1">
      <t>ゲキ</t>
    </rPh>
    <rPh sb="1" eb="2">
      <t>モノ</t>
    </rPh>
    <rPh sb="2" eb="4">
      <t>シヨウ</t>
    </rPh>
    <rPh sb="4" eb="6">
      <t>カンリ</t>
    </rPh>
    <rPh sb="6" eb="7">
      <t>ボ</t>
    </rPh>
    <phoneticPr fontId="2"/>
  </si>
  <si>
    <t>メタノール</t>
    <phoneticPr fontId="2"/>
  </si>
  <si>
    <t>3Lﾗﾎﾞ缶</t>
    <rPh sb="5" eb="6">
      <t>カン</t>
    </rPh>
    <phoneticPr fontId="2"/>
  </si>
  <si>
    <t>3000ml</t>
    <phoneticPr fontId="2"/>
  </si>
  <si>
    <t>1000ml</t>
    <phoneticPr fontId="2"/>
  </si>
  <si>
    <t>2000ml</t>
    <phoneticPr fontId="2"/>
  </si>
  <si>
    <r>
      <t>毒物 ・ 劇物在庫一覧</t>
    </r>
    <r>
      <rPr>
        <b/>
        <sz val="20"/>
        <color rgb="FFFF0000"/>
        <rFont val="ＭＳ Ｐゴシック"/>
        <family val="3"/>
        <charset val="128"/>
        <scheme val="minor"/>
      </rPr>
      <t>(記入例）</t>
    </r>
    <rPh sb="1" eb="2">
      <t>ブツ</t>
    </rPh>
    <rPh sb="7" eb="9">
      <t>ザイコ</t>
    </rPh>
    <rPh sb="9" eb="11">
      <t>イチラン</t>
    </rPh>
    <phoneticPr fontId="2"/>
  </si>
  <si>
    <t>○○○○    （7270）</t>
    <phoneticPr fontId="2"/>
  </si>
  <si>
    <r>
      <t>保管場所</t>
    </r>
    <r>
      <rPr>
        <sz val="10"/>
        <rFont val="ＭＳ Ｐゴシック"/>
        <family val="3"/>
        <charset val="128"/>
        <scheme val="minor"/>
      </rPr>
      <t>(部屋番号)</t>
    </r>
    <rPh sb="0" eb="2">
      <t>ホカン</t>
    </rPh>
    <rPh sb="2" eb="4">
      <t>バショ</t>
    </rPh>
    <rPh sb="5" eb="7">
      <t>ヘヤ</t>
    </rPh>
    <rPh sb="7" eb="9">
      <t>バンゴウ</t>
    </rPh>
    <phoneticPr fontId="2"/>
  </si>
  <si>
    <t>○○学科</t>
    <rPh sb="2" eb="4">
      <t>ガッカ</t>
    </rPh>
    <phoneticPr fontId="2"/>
  </si>
  <si>
    <t>○○○研究室(05Q32)</t>
    <rPh sb="3" eb="6">
      <t>ケンキュウシツ</t>
    </rPh>
    <phoneticPr fontId="2"/>
  </si>
  <si>
    <t>毒</t>
    <rPh sb="0" eb="1">
      <t>ドク</t>
    </rPh>
    <phoneticPr fontId="2"/>
  </si>
  <si>
    <t>フッ化水素酸</t>
    <rPh sb="2" eb="3">
      <t>カ</t>
    </rPh>
    <rPh sb="3" eb="5">
      <t>スイソ</t>
    </rPh>
    <rPh sb="5" eb="6">
      <t>サン</t>
    </rPh>
    <phoneticPr fontId="2"/>
  </si>
  <si>
    <t>荷姿
容量
(g,ml)</t>
    <rPh sb="0" eb="2">
      <t>ニスガタ</t>
    </rPh>
    <rPh sb="3" eb="5">
      <t>ヨウリョウ</t>
    </rPh>
    <phoneticPr fontId="2"/>
  </si>
  <si>
    <t>劇</t>
    <rPh sb="0" eb="1">
      <t>ゲキ</t>
    </rPh>
    <phoneticPr fontId="2"/>
  </si>
  <si>
    <t>水酸化ナトリウム</t>
    <rPh sb="0" eb="3">
      <t>スイサンカ</t>
    </rPh>
    <phoneticPr fontId="2"/>
  </si>
  <si>
    <t>500g</t>
    <phoneticPr fontId="2"/>
  </si>
  <si>
    <t>300g</t>
    <phoneticPr fontId="2"/>
  </si>
  <si>
    <t>密度</t>
    <rPh sb="0" eb="2">
      <t>ミツド</t>
    </rPh>
    <phoneticPr fontId="2"/>
  </si>
  <si>
    <t>1/3</t>
    <phoneticPr fontId="2"/>
  </si>
  <si>
    <t>2/3</t>
    <phoneticPr fontId="2"/>
  </si>
  <si>
    <t>保管場所／部屋番号</t>
    <rPh sb="0" eb="4">
      <t>ホカンバショ</t>
    </rPh>
    <rPh sb="5" eb="7">
      <t>ヘヤ</t>
    </rPh>
    <rPh sb="7" eb="9">
      <t>バンゴウ</t>
    </rPh>
    <phoneticPr fontId="2"/>
  </si>
  <si>
    <r>
      <t>担当責任者</t>
    </r>
    <r>
      <rPr>
        <sz val="9"/>
        <rFont val="ＭＳ Ｐゴシック"/>
        <family val="3"/>
        <charset val="128"/>
        <scheme val="minor"/>
      </rPr>
      <t>（内線番号）</t>
    </r>
    <rPh sb="0" eb="2">
      <t>タントウ</t>
    </rPh>
    <rPh sb="2" eb="5">
      <t>セキニンシャ</t>
    </rPh>
    <rPh sb="6" eb="8">
      <t>ナイセン</t>
    </rPh>
    <rPh sb="8" eb="10">
      <t>バンゴウ</t>
    </rPh>
    <phoneticPr fontId="2"/>
  </si>
  <si>
    <t>年月日</t>
    <rPh sb="0" eb="3">
      <t>ネンガッピ</t>
    </rPh>
    <phoneticPr fontId="2"/>
  </si>
  <si>
    <t>規格</t>
    <rPh sb="0" eb="2">
      <t>キカク</t>
    </rPh>
    <phoneticPr fontId="2"/>
  </si>
  <si>
    <t>ml</t>
  </si>
  <si>
    <t>取扱量（ml,g）</t>
    <rPh sb="0" eb="3">
      <t>トリアツカイリョウ</t>
    </rPh>
    <phoneticPr fontId="2"/>
  </si>
  <si>
    <t>排出量（ml,g）</t>
    <phoneticPr fontId="2"/>
  </si>
  <si>
    <t>移動量（ml,g）</t>
    <phoneticPr fontId="2"/>
  </si>
  <si>
    <t>適正管理化学物質番号</t>
    <rPh sb="0" eb="2">
      <t>テキセイ</t>
    </rPh>
    <rPh sb="2" eb="4">
      <t>カンリ</t>
    </rPh>
    <rPh sb="4" eb="6">
      <t>カガク</t>
    </rPh>
    <rPh sb="6" eb="8">
      <t>ブッシツ</t>
    </rPh>
    <rPh sb="8" eb="10">
      <t>バンゴウ</t>
    </rPh>
    <phoneticPr fontId="2"/>
  </si>
  <si>
    <t>塩酸</t>
    <rPh sb="0" eb="2">
      <t>エンサン</t>
    </rPh>
    <phoneticPr fontId="2"/>
  </si>
  <si>
    <t>○○検査</t>
    <rPh sb="2" eb="4">
      <t>ケンサ</t>
    </rPh>
    <phoneticPr fontId="2"/>
  </si>
  <si>
    <t>○○研究室</t>
    <rPh sb="2" eb="5">
      <t>ケンキュウシツ</t>
    </rPh>
    <phoneticPr fontId="2"/>
  </si>
  <si>
    <t>○○</t>
    <phoneticPr fontId="2"/>
  </si>
  <si>
    <t>○○○研究室(05Q32)</t>
    <phoneticPr fontId="2"/>
  </si>
  <si>
    <t>硫酸</t>
    <rPh sb="0" eb="2">
      <t>リュウサン</t>
    </rPh>
    <phoneticPr fontId="2"/>
  </si>
  <si>
    <t xml:space="preserve">
荷姿
容量
(g,ml)</t>
    <rPh sb="1" eb="3">
      <t>ニスガタ</t>
    </rPh>
    <rPh sb="4" eb="6">
      <t>ヨウリョウ</t>
    </rPh>
    <phoneticPr fontId="2"/>
  </si>
  <si>
    <t>1200g</t>
    <phoneticPr fontId="2"/>
  </si>
  <si>
    <t>1500ml</t>
    <phoneticPr fontId="2"/>
  </si>
  <si>
    <t>250ml</t>
    <phoneticPr fontId="2"/>
  </si>
  <si>
    <t>1250ml</t>
    <phoneticPr fontId="2"/>
  </si>
  <si>
    <t>500g</t>
    <phoneticPr fontId="2"/>
  </si>
  <si>
    <t>様式No.</t>
    <rPh sb="0" eb="2">
      <t>ヨウシキ</t>
    </rPh>
    <phoneticPr fontId="2"/>
  </si>
  <si>
    <t>様式名</t>
    <rPh sb="0" eb="2">
      <t>ヨウシキ</t>
    </rPh>
    <rPh sb="2" eb="3">
      <t>メイ</t>
    </rPh>
    <phoneticPr fontId="2"/>
  </si>
  <si>
    <t>毒物使用管理簿</t>
    <rPh sb="0" eb="2">
      <t>ドクブツ</t>
    </rPh>
    <rPh sb="2" eb="4">
      <t>シヨウ</t>
    </rPh>
    <rPh sb="4" eb="7">
      <t>カンリボ</t>
    </rPh>
    <phoneticPr fontId="2"/>
  </si>
  <si>
    <t>1-1</t>
    <phoneticPr fontId="2"/>
  </si>
  <si>
    <t>変更点</t>
    <rPh sb="0" eb="3">
      <t>ヘンコウテン</t>
    </rPh>
    <phoneticPr fontId="2"/>
  </si>
  <si>
    <t>①摘要→年月日</t>
    <rPh sb="1" eb="3">
      <t>テキヨウ</t>
    </rPh>
    <rPh sb="4" eb="5">
      <t>ネン</t>
    </rPh>
    <rPh sb="5" eb="7">
      <t>ガッピ</t>
    </rPh>
    <phoneticPr fontId="2"/>
  </si>
  <si>
    <t>1-2</t>
    <phoneticPr fontId="2"/>
  </si>
  <si>
    <t>劇物使用管理簿</t>
    <rPh sb="0" eb="2">
      <t>ゲキブツ</t>
    </rPh>
    <rPh sb="2" eb="4">
      <t>シヨウ</t>
    </rPh>
    <rPh sb="4" eb="7">
      <t>カンリボ</t>
    </rPh>
    <phoneticPr fontId="2"/>
  </si>
  <si>
    <t>④使用状況の本数表示→g,ml表示に変更
　　2本以上の場合は合算量を記入する。
　但し、天秤等の無い場合は従来の本数の割合表示でも可とします。</t>
    <rPh sb="1" eb="3">
      <t>シヨウ</t>
    </rPh>
    <rPh sb="3" eb="5">
      <t>ジョウキョウ</t>
    </rPh>
    <rPh sb="6" eb="7">
      <t>ホン</t>
    </rPh>
    <rPh sb="7" eb="8">
      <t>スウ</t>
    </rPh>
    <rPh sb="8" eb="10">
      <t>ヒョウジ</t>
    </rPh>
    <rPh sb="15" eb="17">
      <t>ヒョウジ</t>
    </rPh>
    <rPh sb="18" eb="20">
      <t>ヘンコウ</t>
    </rPh>
    <rPh sb="42" eb="43">
      <t>タダ</t>
    </rPh>
    <rPh sb="45" eb="47">
      <t>テンビン</t>
    </rPh>
    <rPh sb="47" eb="48">
      <t>トウ</t>
    </rPh>
    <rPh sb="49" eb="50">
      <t>ナ</t>
    </rPh>
    <rPh sb="51" eb="53">
      <t>バアイ</t>
    </rPh>
    <rPh sb="54" eb="56">
      <t>ジュウライ</t>
    </rPh>
    <rPh sb="57" eb="59">
      <t>ホンスウ</t>
    </rPh>
    <rPh sb="60" eb="62">
      <t>ワリアイ</t>
    </rPh>
    <rPh sb="62" eb="64">
      <t>ヒョウジ</t>
    </rPh>
    <rPh sb="66" eb="67">
      <t>カ</t>
    </rPh>
    <phoneticPr fontId="2"/>
  </si>
  <si>
    <t>2-1</t>
    <phoneticPr fontId="2"/>
  </si>
  <si>
    <t>毒物・劇物在庫一覧</t>
    <rPh sb="0" eb="2">
      <t>ドクブツ</t>
    </rPh>
    <rPh sb="3" eb="5">
      <t>ゲキブツ</t>
    </rPh>
    <rPh sb="5" eb="7">
      <t>ザイコ</t>
    </rPh>
    <rPh sb="7" eb="9">
      <t>イチラン</t>
    </rPh>
    <phoneticPr fontId="2"/>
  </si>
  <si>
    <t>①荷姿容量(g,ml)欄を追加</t>
    <rPh sb="1" eb="3">
      <t>ニスガタ</t>
    </rPh>
    <rPh sb="3" eb="5">
      <t>ヨウリョウ</t>
    </rPh>
    <rPh sb="11" eb="12">
      <t>ラン</t>
    </rPh>
    <rPh sb="13" eb="15">
      <t>ツイカ</t>
    </rPh>
    <phoneticPr fontId="2"/>
  </si>
  <si>
    <t>②残量欄で2本以上の場合は合算量を記入する。</t>
    <rPh sb="1" eb="3">
      <t>ザンリョウ</t>
    </rPh>
    <rPh sb="3" eb="4">
      <t>ラン</t>
    </rPh>
    <rPh sb="6" eb="7">
      <t>ホン</t>
    </rPh>
    <rPh sb="7" eb="9">
      <t>イジョウ</t>
    </rPh>
    <rPh sb="10" eb="12">
      <t>バアイ</t>
    </rPh>
    <rPh sb="13" eb="15">
      <t>ガッサン</t>
    </rPh>
    <rPh sb="15" eb="16">
      <t>リョウ</t>
    </rPh>
    <rPh sb="17" eb="19">
      <t>キニュウ</t>
    </rPh>
    <phoneticPr fontId="2"/>
  </si>
  <si>
    <t>②劇物名と規格を分ける。</t>
    <rPh sb="1" eb="3">
      <t>ゲキブツ</t>
    </rPh>
    <rPh sb="3" eb="4">
      <t>メイ</t>
    </rPh>
    <rPh sb="5" eb="7">
      <t>キカク</t>
    </rPh>
    <rPh sb="8" eb="9">
      <t>ワ</t>
    </rPh>
    <phoneticPr fontId="2"/>
  </si>
  <si>
    <t>②規格と荷姿・容量欄を追加</t>
    <rPh sb="1" eb="3">
      <t>キカク</t>
    </rPh>
    <rPh sb="4" eb="6">
      <t>ニスガタ</t>
    </rPh>
    <rPh sb="7" eb="9">
      <t>ヨウリョウ</t>
    </rPh>
    <rPh sb="9" eb="10">
      <t>ラン</t>
    </rPh>
    <rPh sb="11" eb="13">
      <t>ツイカ</t>
    </rPh>
    <phoneticPr fontId="2"/>
  </si>
  <si>
    <t>③荷姿容量欄を追加</t>
    <rPh sb="1" eb="3">
      <t>ニスガタ</t>
    </rPh>
    <rPh sb="3" eb="5">
      <t>ヨウリョウ</t>
    </rPh>
    <rPh sb="5" eb="6">
      <t>ラン</t>
    </rPh>
    <rPh sb="7" eb="9">
      <t>ツイカ</t>
    </rPh>
    <phoneticPr fontId="2"/>
  </si>
  <si>
    <t>②規格と荷姿容量欄を追加</t>
    <rPh sb="1" eb="3">
      <t>キカク</t>
    </rPh>
    <rPh sb="4" eb="6">
      <t>ニスガタ</t>
    </rPh>
    <rPh sb="6" eb="8">
      <t>ヨウリョウ</t>
    </rPh>
    <rPh sb="8" eb="9">
      <t>ラン</t>
    </rPh>
    <rPh sb="10" eb="12">
      <t>ツイカ</t>
    </rPh>
    <phoneticPr fontId="2"/>
  </si>
  <si>
    <t>※ 取扱量、排出量、移動量を（ml又はｇ)単位で記入</t>
    <rPh sb="2" eb="4">
      <t>トリアツカイ</t>
    </rPh>
    <rPh sb="6" eb="9">
      <t>ハイシュツリョウ</t>
    </rPh>
    <rPh sb="10" eb="13">
      <t>イドウリョウ</t>
    </rPh>
    <rPh sb="17" eb="18">
      <t>マタ</t>
    </rPh>
    <rPh sb="25" eb="26">
      <t>ニュウ</t>
    </rPh>
    <phoneticPr fontId="2"/>
  </si>
  <si>
    <t>③取扱量、排出量、移動量(L)→取扱量、排出量、移動量(ml,g)に変更
　但し、ml表示の場合は密度(比重)を必ず記入すること</t>
    <rPh sb="1" eb="3">
      <t>トリアツカイ</t>
    </rPh>
    <rPh sb="3" eb="4">
      <t>リョウ</t>
    </rPh>
    <rPh sb="5" eb="8">
      <t>ハイシュツリョウ</t>
    </rPh>
    <rPh sb="9" eb="12">
      <t>イドウリョウ</t>
    </rPh>
    <rPh sb="34" eb="36">
      <t>ヘンコウ</t>
    </rPh>
    <rPh sb="38" eb="39">
      <t>タダ</t>
    </rPh>
    <rPh sb="43" eb="45">
      <t>ヒョウジ</t>
    </rPh>
    <rPh sb="46" eb="48">
      <t>バアイ</t>
    </rPh>
    <rPh sb="49" eb="51">
      <t>ミツド</t>
    </rPh>
    <rPh sb="52" eb="54">
      <t>ヒジュウ</t>
    </rPh>
    <rPh sb="56" eb="57">
      <t>カナラ</t>
    </rPh>
    <rPh sb="58" eb="60">
      <t>キニュウ</t>
    </rPh>
    <phoneticPr fontId="2"/>
  </si>
  <si>
    <t>4</t>
    <phoneticPr fontId="2"/>
  </si>
  <si>
    <t>2-2</t>
    <phoneticPr fontId="2"/>
  </si>
  <si>
    <t>適正管理化学物質管理簿</t>
    <rPh sb="0" eb="2">
      <t>テキセイ</t>
    </rPh>
    <rPh sb="2" eb="4">
      <t>カンリ</t>
    </rPh>
    <rPh sb="4" eb="6">
      <t>カガク</t>
    </rPh>
    <rPh sb="6" eb="8">
      <t>ブッシツ</t>
    </rPh>
    <rPh sb="8" eb="11">
      <t>カンリボ</t>
    </rPh>
    <phoneticPr fontId="2"/>
  </si>
  <si>
    <t>適正管理化学物質在庫一覧</t>
    <rPh sb="0" eb="2">
      <t>テキセイ</t>
    </rPh>
    <rPh sb="2" eb="4">
      <t>カンリ</t>
    </rPh>
    <rPh sb="4" eb="6">
      <t>カガク</t>
    </rPh>
    <rPh sb="6" eb="8">
      <t>ブッシツ</t>
    </rPh>
    <rPh sb="8" eb="10">
      <t>ザイコ</t>
    </rPh>
    <rPh sb="10" eb="12">
      <t>イチラン</t>
    </rPh>
    <phoneticPr fontId="2"/>
  </si>
  <si>
    <t>・量はg又はml単位で記入する。</t>
    <rPh sb="1" eb="2">
      <t>リョウ</t>
    </rPh>
    <rPh sb="4" eb="5">
      <t>マタ</t>
    </rPh>
    <rPh sb="8" eb="10">
      <t>タンイ</t>
    </rPh>
    <rPh sb="11" eb="13">
      <t>キニュウ</t>
    </rPh>
    <phoneticPr fontId="2"/>
  </si>
  <si>
    <t>2018様式との変更点</t>
    <rPh sb="4" eb="6">
      <t>ヨウシキ</t>
    </rPh>
    <rPh sb="8" eb="11">
      <t>ヘンコウテン</t>
    </rPh>
    <phoneticPr fontId="2"/>
  </si>
  <si>
    <t>・量はg又はml単位で記入する。但し、天秤が無い場合の残量は1/5、1/10等の概略でも可</t>
    <rPh sb="1" eb="2">
      <t>リョウ</t>
    </rPh>
    <rPh sb="8" eb="10">
      <t>タンイ</t>
    </rPh>
    <rPh sb="11" eb="13">
      <t>キニュウ</t>
    </rPh>
    <rPh sb="16" eb="17">
      <t>タダ</t>
    </rPh>
    <rPh sb="19" eb="21">
      <t>テンビン</t>
    </rPh>
    <rPh sb="22" eb="23">
      <t>ナ</t>
    </rPh>
    <rPh sb="24" eb="26">
      <t>バアイ</t>
    </rPh>
    <rPh sb="27" eb="29">
      <t>ザンリョウ</t>
    </rPh>
    <rPh sb="38" eb="39">
      <t>トウ</t>
    </rPh>
    <rPh sb="40" eb="42">
      <t>ガイリャク</t>
    </rPh>
    <rPh sb="44" eb="45">
      <t>カ</t>
    </rPh>
    <phoneticPr fontId="2"/>
  </si>
  <si>
    <t>・量はg又はml単位で記入する。但し、天秤が無い場合の残量は1/5、1/10等の概略でも可とする。</t>
    <rPh sb="1" eb="2">
      <t>リョウ</t>
    </rPh>
    <rPh sb="4" eb="5">
      <t>マタ</t>
    </rPh>
    <rPh sb="8" eb="10">
      <t>タンイ</t>
    </rPh>
    <rPh sb="11" eb="13">
      <t>キニュウ</t>
    </rPh>
    <rPh sb="16" eb="17">
      <t>タダ</t>
    </rPh>
    <rPh sb="19" eb="21">
      <t>テンビン</t>
    </rPh>
    <rPh sb="22" eb="23">
      <t>ナ</t>
    </rPh>
    <rPh sb="24" eb="26">
      <t>バアイ</t>
    </rPh>
    <rPh sb="27" eb="29">
      <t>ザンリョウ</t>
    </rPh>
    <rPh sb="38" eb="39">
      <t>トウ</t>
    </rPh>
    <rPh sb="40" eb="42">
      <t>ガイリャク</t>
    </rPh>
    <rPh sb="44" eb="45">
      <t>カ</t>
    </rPh>
    <phoneticPr fontId="2"/>
  </si>
  <si>
    <t xml:space="preserve">   年   月</t>
    <rPh sb="3" eb="4">
      <t>ネン</t>
    </rPh>
    <rPh sb="7" eb="8">
      <t>ツキ</t>
    </rPh>
    <phoneticPr fontId="2"/>
  </si>
  <si>
    <t xml:space="preserve">    年   月</t>
    <rPh sb="4" eb="5">
      <t>ネン</t>
    </rPh>
    <rPh sb="8" eb="9">
      <t>ツキ</t>
    </rPh>
    <phoneticPr fontId="2"/>
  </si>
  <si>
    <t>2019年  3 月</t>
    <rPh sb="4" eb="5">
      <t>ネン</t>
    </rPh>
    <rPh sb="9" eb="10">
      <t>ツキ</t>
    </rPh>
    <phoneticPr fontId="2"/>
  </si>
  <si>
    <t>　　　 年   月</t>
    <rPh sb="4" eb="5">
      <t>ネン</t>
    </rPh>
    <rPh sb="8" eb="9">
      <t>ツキ</t>
    </rPh>
    <phoneticPr fontId="2"/>
  </si>
  <si>
    <r>
      <t>担当責任者</t>
    </r>
    <r>
      <rPr>
        <sz val="11"/>
        <rFont val="ＭＳ Ｐゴシック"/>
        <family val="3"/>
        <charset val="128"/>
        <scheme val="minor"/>
      </rPr>
      <t>（学科主任）</t>
    </r>
    <rPh sb="2" eb="4">
      <t>セキニン</t>
    </rPh>
    <phoneticPr fontId="2"/>
  </si>
  <si>
    <t>2019年 3月</t>
    <rPh sb="4" eb="5">
      <t>ネン</t>
    </rPh>
    <rPh sb="7" eb="8">
      <t>ツキ</t>
    </rPh>
    <phoneticPr fontId="2"/>
  </si>
  <si>
    <t>△△△△</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F800]dddd\,\ mmmm\ dd\,\ yyyy"/>
  </numFmts>
  <fonts count="38">
    <font>
      <sz val="11"/>
      <name val="ＭＳ Ｐゴシック"/>
      <family val="3"/>
      <charset val="128"/>
    </font>
    <font>
      <sz val="11"/>
      <color theme="1"/>
      <name val="ＭＳ Ｐゴシック"/>
      <family val="2"/>
      <charset val="128"/>
      <scheme val="minor"/>
    </font>
    <font>
      <sz val="6"/>
      <name val="ＭＳ Ｐゴシック"/>
      <family val="3"/>
      <charset val="128"/>
    </font>
    <font>
      <sz val="24"/>
      <name val="ＭＳ Ｐゴシック"/>
      <family val="3"/>
      <charset val="128"/>
    </font>
    <font>
      <b/>
      <sz val="11"/>
      <name val="ＭＳ Ｐゴシック"/>
      <family val="3"/>
      <charset val="128"/>
    </font>
    <font>
      <sz val="12"/>
      <name val="ＭＳ Ｐゴシック"/>
      <family val="3"/>
      <charset val="128"/>
    </font>
    <font>
      <sz val="9"/>
      <name val="ＭＳ Ｐゴシック"/>
      <family val="3"/>
      <charset val="128"/>
    </font>
    <font>
      <b/>
      <sz val="22"/>
      <name val="ＭＳ Ｐゴシック"/>
      <family val="3"/>
      <charset val="128"/>
    </font>
    <font>
      <sz val="16"/>
      <name val="ＭＳ Ｐゴシック"/>
      <family val="3"/>
      <charset val="128"/>
    </font>
    <font>
      <sz val="10"/>
      <name val="ＭＳ Ｐゴシック"/>
      <family val="3"/>
      <charset val="128"/>
    </font>
    <font>
      <sz val="8"/>
      <name val="ＭＳ Ｐゴシック"/>
      <family val="3"/>
      <charset val="128"/>
    </font>
    <font>
      <b/>
      <sz val="10"/>
      <name val="ＭＳ Ｐゴシック"/>
      <family val="3"/>
      <charset val="128"/>
    </font>
    <font>
      <b/>
      <sz val="12"/>
      <name val="ＭＳ Ｐゴシック"/>
      <family val="3"/>
      <charset val="128"/>
    </font>
    <font>
      <sz val="5"/>
      <name val="ＭＳ Ｐゴシック"/>
      <family val="3"/>
      <charset val="128"/>
    </font>
    <font>
      <b/>
      <u/>
      <sz val="11"/>
      <name val="ＭＳ Ｐゴシック"/>
      <family val="3"/>
      <charset val="128"/>
    </font>
    <font>
      <u/>
      <sz val="11"/>
      <name val="ＭＳ Ｐゴシック"/>
      <family val="3"/>
      <charset val="128"/>
    </font>
    <font>
      <sz val="24"/>
      <name val="ＭＳ Ｐゴシック"/>
      <family val="3"/>
      <charset val="128"/>
      <scheme val="minor"/>
    </font>
    <font>
      <sz val="11"/>
      <name val="ＭＳ Ｐゴシック"/>
      <family val="3"/>
      <charset val="128"/>
      <scheme val="minor"/>
    </font>
    <font>
      <b/>
      <sz val="11"/>
      <name val="ＭＳ Ｐゴシック"/>
      <family val="3"/>
      <charset val="128"/>
      <scheme val="minor"/>
    </font>
    <font>
      <sz val="16"/>
      <name val="ＭＳ Ｐゴシック"/>
      <family val="3"/>
      <charset val="128"/>
      <scheme val="minor"/>
    </font>
    <font>
      <sz val="14"/>
      <name val="ＭＳ Ｐゴシック"/>
      <family val="3"/>
      <charset val="128"/>
      <scheme val="minor"/>
    </font>
    <font>
      <sz val="12"/>
      <name val="ＭＳ Ｐゴシック"/>
      <family val="3"/>
      <charset val="128"/>
      <scheme val="minor"/>
    </font>
    <font>
      <sz val="10"/>
      <name val="ＭＳ Ｐゴシック"/>
      <family val="3"/>
      <charset val="128"/>
      <scheme val="minor"/>
    </font>
    <font>
      <b/>
      <sz val="20"/>
      <name val="ＭＳ Ｐゴシック"/>
      <family val="3"/>
      <charset val="128"/>
      <scheme val="minor"/>
    </font>
    <font>
      <sz val="9"/>
      <name val="ＭＳ Ｐゴシック"/>
      <family val="3"/>
      <charset val="128"/>
      <scheme val="minor"/>
    </font>
    <font>
      <sz val="22"/>
      <name val="ＭＳ Ｐゴシック"/>
      <family val="3"/>
      <charset val="128"/>
      <scheme val="minor"/>
    </font>
    <font>
      <sz val="11"/>
      <color theme="1"/>
      <name val="ＭＳ Ｐゴシック"/>
      <family val="3"/>
      <charset val="128"/>
      <scheme val="minor"/>
    </font>
    <font>
      <b/>
      <sz val="11"/>
      <color theme="1"/>
      <name val="ＭＳ Ｐゴシック"/>
      <family val="3"/>
      <charset val="128"/>
      <scheme val="minor"/>
    </font>
    <font>
      <sz val="11"/>
      <color indexed="8"/>
      <name val="ＭＳ Ｐゴシック"/>
      <family val="3"/>
      <charset val="128"/>
    </font>
    <font>
      <b/>
      <sz val="10"/>
      <color theme="1"/>
      <name val="ＭＳ Ｐゴシック"/>
      <family val="3"/>
      <charset val="128"/>
      <scheme val="minor"/>
    </font>
    <font>
      <sz val="14"/>
      <color rgb="FFFF0000"/>
      <name val="ＭＳ Ｐゴシック"/>
      <family val="3"/>
      <charset val="128"/>
    </font>
    <font>
      <sz val="14"/>
      <name val="ＭＳ Ｐゴシック"/>
      <family val="3"/>
      <charset val="128"/>
    </font>
    <font>
      <sz val="18"/>
      <name val="ＭＳ Ｐゴシック"/>
      <family val="3"/>
      <charset val="128"/>
    </font>
    <font>
      <b/>
      <sz val="22"/>
      <color rgb="FFFF0000"/>
      <name val="ＭＳ Ｐゴシック"/>
      <family val="3"/>
      <charset val="128"/>
    </font>
    <font>
      <b/>
      <sz val="18"/>
      <color rgb="FF000000"/>
      <name val="ＭＳ Ｐゴシック"/>
      <family val="3"/>
      <charset val="128"/>
    </font>
    <font>
      <b/>
      <sz val="20"/>
      <color rgb="FFFF0000"/>
      <name val="ＭＳ Ｐゴシック"/>
      <family val="3"/>
      <charset val="128"/>
      <scheme val="minor"/>
    </font>
    <font>
      <b/>
      <sz val="18"/>
      <name val="ＭＳ Ｐゴシック"/>
      <family val="3"/>
      <charset val="128"/>
    </font>
    <font>
      <b/>
      <sz val="14"/>
      <name val="ＭＳ Ｐゴシック"/>
      <family val="3"/>
      <charset val="128"/>
    </font>
  </fonts>
  <fills count="5">
    <fill>
      <patternFill patternType="none"/>
    </fill>
    <fill>
      <patternFill patternType="gray125"/>
    </fill>
    <fill>
      <patternFill patternType="solid">
        <fgColor rgb="FFFFFFCC"/>
        <bgColor indexed="64"/>
      </patternFill>
    </fill>
    <fill>
      <patternFill patternType="solid">
        <fgColor theme="0"/>
        <bgColor indexed="64"/>
      </patternFill>
    </fill>
    <fill>
      <patternFill patternType="solid">
        <fgColor rgb="FFCCFFCC"/>
        <bgColor indexed="64"/>
      </patternFill>
    </fill>
  </fills>
  <borders count="108">
    <border>
      <left/>
      <right/>
      <top/>
      <bottom/>
      <diagonal/>
    </border>
    <border>
      <left/>
      <right style="thin">
        <color indexed="64"/>
      </right>
      <top style="double">
        <color indexed="64"/>
      </top>
      <bottom style="thin">
        <color indexed="64"/>
      </bottom>
      <diagonal/>
    </border>
    <border>
      <left style="thin">
        <color indexed="64"/>
      </left>
      <right style="thin">
        <color indexed="64"/>
      </right>
      <top/>
      <bottom style="double">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top style="double">
        <color indexed="64"/>
      </top>
      <bottom style="thin">
        <color indexed="64"/>
      </bottom>
      <diagonal/>
    </border>
    <border>
      <left/>
      <right style="double">
        <color indexed="64"/>
      </right>
      <top style="double">
        <color indexed="64"/>
      </top>
      <bottom style="thin">
        <color indexed="64"/>
      </bottom>
      <diagonal/>
    </border>
    <border>
      <left style="double">
        <color indexed="64"/>
      </left>
      <right/>
      <top style="double">
        <color indexed="64"/>
      </top>
      <bottom style="thin">
        <color indexed="64"/>
      </bottom>
      <diagonal/>
    </border>
    <border>
      <left/>
      <right/>
      <top style="double">
        <color indexed="64"/>
      </top>
      <bottom style="thin">
        <color indexed="64"/>
      </bottom>
      <diagonal/>
    </border>
    <border>
      <left style="double">
        <color indexed="64"/>
      </left>
      <right/>
      <top style="thin">
        <color indexed="64"/>
      </top>
      <bottom style="double">
        <color indexed="64"/>
      </bottom>
      <diagonal/>
    </border>
    <border>
      <left/>
      <right/>
      <top style="thin">
        <color indexed="64"/>
      </top>
      <bottom style="double">
        <color indexed="64"/>
      </bottom>
      <diagonal/>
    </border>
    <border>
      <left/>
      <right style="double">
        <color indexed="64"/>
      </right>
      <top style="thin">
        <color indexed="64"/>
      </top>
      <bottom style="double">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medium">
        <color indexed="64"/>
      </left>
      <right style="thin">
        <color indexed="64"/>
      </right>
      <top/>
      <bottom/>
      <diagonal/>
    </border>
    <border>
      <left style="thin">
        <color indexed="64"/>
      </left>
      <right/>
      <top style="double">
        <color indexed="64"/>
      </top>
      <bottom/>
      <diagonal/>
    </border>
    <border>
      <left/>
      <right/>
      <top style="double">
        <color indexed="64"/>
      </top>
      <bottom/>
      <diagonal/>
    </border>
    <border>
      <left style="thin">
        <color indexed="64"/>
      </left>
      <right/>
      <top/>
      <bottom/>
      <diagonal/>
    </border>
    <border>
      <left/>
      <right style="double">
        <color indexed="64"/>
      </right>
      <top/>
      <bottom style="thin">
        <color indexed="64"/>
      </bottom>
      <diagonal/>
    </border>
    <border>
      <left style="double">
        <color indexed="64"/>
      </left>
      <right/>
      <top style="thin">
        <color indexed="64"/>
      </top>
      <bottom/>
      <diagonal/>
    </border>
    <border>
      <left style="double">
        <color indexed="64"/>
      </left>
      <right/>
      <top/>
      <bottom style="thin">
        <color indexed="64"/>
      </bottom>
      <diagonal/>
    </border>
    <border>
      <left style="thin">
        <color indexed="64"/>
      </left>
      <right style="double">
        <color indexed="64"/>
      </right>
      <top style="thin">
        <color indexed="64"/>
      </top>
      <bottom/>
      <diagonal/>
    </border>
    <border>
      <left style="thin">
        <color indexed="64"/>
      </left>
      <right style="double">
        <color indexed="64"/>
      </right>
      <top/>
      <bottom style="thin">
        <color indexed="64"/>
      </bottom>
      <diagonal/>
    </border>
    <border>
      <left style="thin">
        <color indexed="64"/>
      </left>
      <right style="thin">
        <color indexed="64"/>
      </right>
      <top style="medium">
        <color indexed="55"/>
      </top>
      <bottom/>
      <diagonal/>
    </border>
    <border>
      <left style="thin">
        <color indexed="64"/>
      </left>
      <right style="double">
        <color indexed="64"/>
      </right>
      <top style="medium">
        <color indexed="55"/>
      </top>
      <bottom/>
      <diagonal/>
    </border>
    <border>
      <left style="thin">
        <color indexed="64"/>
      </left>
      <right style="double">
        <color indexed="64"/>
      </right>
      <top/>
      <bottom style="double">
        <color indexed="64"/>
      </bottom>
      <diagonal/>
    </border>
    <border>
      <left style="thin">
        <color indexed="64"/>
      </left>
      <right style="double">
        <color indexed="64"/>
      </right>
      <top/>
      <bottom/>
      <diagonal/>
    </border>
    <border>
      <left style="medium">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diagonal/>
    </border>
    <border>
      <left style="thin">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right style="medium">
        <color indexed="64"/>
      </right>
      <top/>
      <bottom/>
      <diagonal/>
    </border>
    <border>
      <left/>
      <right style="medium">
        <color indexed="64"/>
      </right>
      <top style="thin">
        <color indexed="64"/>
      </top>
      <bottom/>
      <diagonal/>
    </border>
    <border>
      <left style="thin">
        <color indexed="64"/>
      </left>
      <right/>
      <top/>
      <bottom style="medium">
        <color indexed="64"/>
      </bottom>
      <diagonal/>
    </border>
    <border>
      <left/>
      <right/>
      <top/>
      <bottom style="dotted">
        <color indexed="64"/>
      </bottom>
      <diagonal/>
    </border>
    <border>
      <left/>
      <right/>
      <top style="dotted">
        <color indexed="64"/>
      </top>
      <bottom style="dotted">
        <color indexed="64"/>
      </bottom>
      <diagonal/>
    </border>
    <border>
      <left/>
      <right style="double">
        <color indexed="64"/>
      </right>
      <top style="double">
        <color indexed="64"/>
      </top>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medium">
        <color indexed="55"/>
      </top>
      <bottom style="thin">
        <color indexed="64"/>
      </bottom>
      <diagonal/>
    </border>
    <border>
      <left style="thin">
        <color indexed="64"/>
      </left>
      <right/>
      <top style="medium">
        <color indexed="55"/>
      </top>
      <bottom style="medium">
        <color indexed="55"/>
      </bottom>
      <diagonal/>
    </border>
    <border>
      <left/>
      <right style="thin">
        <color indexed="64"/>
      </right>
      <top style="medium">
        <color indexed="55"/>
      </top>
      <bottom style="medium">
        <color indexed="55"/>
      </bottom>
      <diagonal/>
    </border>
    <border>
      <left style="thin">
        <color indexed="64"/>
      </left>
      <right/>
      <top style="medium">
        <color indexed="55"/>
      </top>
      <bottom style="double">
        <color indexed="64"/>
      </bottom>
      <diagonal/>
    </border>
    <border>
      <left/>
      <right style="thin">
        <color indexed="64"/>
      </right>
      <top style="medium">
        <color indexed="55"/>
      </top>
      <bottom style="double">
        <color indexed="64"/>
      </bottom>
      <diagonal/>
    </border>
    <border>
      <left/>
      <right style="double">
        <color indexed="64"/>
      </right>
      <top style="thin">
        <color indexed="64"/>
      </top>
      <bottom style="thin">
        <color indexed="64"/>
      </bottom>
      <diagonal/>
    </border>
    <border>
      <left/>
      <right style="thin">
        <color indexed="64"/>
      </right>
      <top style="double">
        <color indexed="64"/>
      </top>
      <bottom/>
      <diagonal/>
    </border>
    <border>
      <left style="double">
        <color indexed="64"/>
      </left>
      <right/>
      <top style="medium">
        <color indexed="55"/>
      </top>
      <bottom style="medium">
        <color indexed="55"/>
      </bottom>
      <diagonal/>
    </border>
    <border>
      <left/>
      <right/>
      <top style="medium">
        <color indexed="55"/>
      </top>
      <bottom style="medium">
        <color indexed="55"/>
      </bottom>
      <diagonal/>
    </border>
    <border>
      <left/>
      <right style="thin">
        <color indexed="64"/>
      </right>
      <top/>
      <bottom/>
      <diagonal/>
    </border>
    <border>
      <left style="double">
        <color indexed="64"/>
      </left>
      <right/>
      <top/>
      <bottom/>
      <diagonal/>
    </border>
    <border>
      <left/>
      <right/>
      <top style="hair">
        <color indexed="64"/>
      </top>
      <bottom style="thin">
        <color indexed="64"/>
      </bottom>
      <diagonal/>
    </border>
    <border>
      <left/>
      <right/>
      <top style="thin">
        <color indexed="64"/>
      </top>
      <bottom style="hair">
        <color indexed="64"/>
      </bottom>
      <diagonal/>
    </border>
    <border>
      <left/>
      <right/>
      <top style="medium">
        <color indexed="55"/>
      </top>
      <bottom style="double">
        <color indexed="64"/>
      </bottom>
      <diagonal/>
    </border>
    <border>
      <left/>
      <right/>
      <top style="medium">
        <color indexed="55"/>
      </top>
      <bottom style="thin">
        <color indexed="64"/>
      </bottom>
      <diagonal/>
    </border>
    <border>
      <left style="thin">
        <color indexed="64"/>
      </left>
      <right/>
      <top style="hair">
        <color indexed="64"/>
      </top>
      <bottom/>
      <diagonal/>
    </border>
    <border>
      <left/>
      <right/>
      <top style="hair">
        <color indexed="64"/>
      </top>
      <bottom/>
      <diagonal/>
    </border>
    <border>
      <left/>
      <right style="thin">
        <color indexed="64"/>
      </right>
      <top style="hair">
        <color indexed="64"/>
      </top>
      <bottom/>
      <diagonal/>
    </border>
    <border>
      <left style="double">
        <color indexed="64"/>
      </left>
      <right/>
      <top style="medium">
        <color indexed="55"/>
      </top>
      <bottom style="double">
        <color indexed="64"/>
      </bottom>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double">
        <color indexed="64"/>
      </left>
      <right style="thin">
        <color indexed="64"/>
      </right>
      <top style="double">
        <color indexed="64"/>
      </top>
      <bottom/>
      <diagonal/>
    </border>
    <border>
      <left style="double">
        <color indexed="64"/>
      </left>
      <right style="thin">
        <color indexed="64"/>
      </right>
      <top/>
      <bottom/>
      <diagonal/>
    </border>
    <border>
      <left style="double">
        <color indexed="64"/>
      </left>
      <right/>
      <top style="thin">
        <color indexed="64"/>
      </top>
      <bottom style="thin">
        <color indexed="64"/>
      </bottom>
      <diagonal/>
    </border>
    <border>
      <left style="hair">
        <color indexed="64"/>
      </left>
      <right style="thin">
        <color indexed="64"/>
      </right>
      <top style="thin">
        <color indexed="64"/>
      </top>
      <bottom style="hair">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medium">
        <color indexed="64"/>
      </right>
      <top/>
      <bottom style="thin">
        <color indexed="64"/>
      </bottom>
      <diagonal/>
    </border>
    <border>
      <left style="thin">
        <color indexed="64"/>
      </left>
      <right style="medium">
        <color indexed="64"/>
      </right>
      <top style="medium">
        <color indexed="64"/>
      </top>
      <bottom/>
      <diagonal/>
    </border>
    <border>
      <left style="thin">
        <color indexed="64"/>
      </left>
      <right style="medium">
        <color indexed="64"/>
      </right>
      <top/>
      <bottom style="medium">
        <color indexed="64"/>
      </bottom>
      <diagonal/>
    </border>
    <border>
      <left style="thin">
        <color indexed="64"/>
      </left>
      <right style="medium">
        <color indexed="64"/>
      </right>
      <top/>
      <bottom/>
      <diagonal/>
    </border>
  </borders>
  <cellStyleXfs count="3">
    <xf numFmtId="0" fontId="0" fillId="0" borderId="0"/>
    <xf numFmtId="0" fontId="26" fillId="0" borderId="0">
      <alignment vertical="center"/>
    </xf>
    <xf numFmtId="0" fontId="1" fillId="0" borderId="0">
      <alignment vertical="center"/>
    </xf>
  </cellStyleXfs>
  <cellXfs count="455">
    <xf numFmtId="0" fontId="0" fillId="0" borderId="0" xfId="0"/>
    <xf numFmtId="0" fontId="17" fillId="0" borderId="3" xfId="0" applyFont="1" applyBorder="1" applyAlignment="1">
      <alignment horizontal="center" vertical="center"/>
    </xf>
    <xf numFmtId="0" fontId="17" fillId="0" borderId="3" xfId="0" applyFont="1" applyBorder="1" applyAlignment="1">
      <alignment vertical="center"/>
    </xf>
    <xf numFmtId="0" fontId="17" fillId="0" borderId="0" xfId="0" applyFont="1" applyAlignment="1">
      <alignment vertical="center"/>
    </xf>
    <xf numFmtId="0" fontId="18" fillId="0" borderId="0" xfId="0" applyFont="1"/>
    <xf numFmtId="0" fontId="17" fillId="0" borderId="0" xfId="0" applyFont="1"/>
    <xf numFmtId="0" fontId="19" fillId="0" borderId="0" xfId="0" applyFont="1" applyAlignment="1">
      <alignment horizontal="center" vertical="center"/>
    </xf>
    <xf numFmtId="55" fontId="17" fillId="0" borderId="3" xfId="0" applyNumberFormat="1" applyFont="1" applyBorder="1" applyAlignment="1">
      <alignment horizontal="center" vertical="center"/>
    </xf>
    <xf numFmtId="0" fontId="21" fillId="0" borderId="3" xfId="0" applyFont="1" applyBorder="1" applyAlignment="1">
      <alignment horizontal="center" vertical="center" textRotation="255"/>
    </xf>
    <xf numFmtId="0" fontId="21" fillId="0" borderId="3" xfId="0" applyFont="1" applyBorder="1" applyAlignment="1">
      <alignment vertical="center"/>
    </xf>
    <xf numFmtId="0" fontId="21" fillId="0" borderId="3" xfId="0" applyFont="1" applyBorder="1" applyAlignment="1">
      <alignment horizontal="center" vertical="center"/>
    </xf>
    <xf numFmtId="0" fontId="16" fillId="0" borderId="0" xfId="0" applyFont="1" applyAlignment="1">
      <alignment horizontal="center"/>
    </xf>
    <xf numFmtId="0" fontId="21" fillId="0" borderId="0" xfId="0" applyFont="1" applyAlignment="1">
      <alignment horizontal="center" vertical="center"/>
    </xf>
    <xf numFmtId="0" fontId="0" fillId="0" borderId="3" xfId="0" applyFont="1" applyBorder="1" applyAlignment="1">
      <alignment horizontal="center" vertical="center"/>
    </xf>
    <xf numFmtId="31" fontId="0" fillId="0" borderId="3" xfId="0" applyNumberFormat="1" applyFont="1" applyBorder="1" applyAlignment="1">
      <alignment horizontal="center" vertical="center"/>
    </xf>
    <xf numFmtId="0" fontId="14" fillId="0" borderId="3" xfId="0" applyFont="1" applyFill="1" applyBorder="1" applyAlignment="1">
      <alignment vertical="center"/>
    </xf>
    <xf numFmtId="0" fontId="0" fillId="0" borderId="3" xfId="0" applyFont="1" applyFill="1" applyBorder="1" applyAlignment="1">
      <alignment horizontal="center" vertical="center"/>
    </xf>
    <xf numFmtId="0" fontId="17" fillId="0" borderId="3" xfId="0" applyFont="1" applyBorder="1" applyAlignment="1">
      <alignment vertical="center"/>
    </xf>
    <xf numFmtId="0" fontId="27" fillId="0" borderId="0" xfId="1" applyFont="1" applyBorder="1">
      <alignment vertical="center"/>
    </xf>
    <xf numFmtId="0" fontId="26" fillId="0" borderId="0" xfId="1" applyFont="1">
      <alignment vertical="center"/>
    </xf>
    <xf numFmtId="0" fontId="26" fillId="0" borderId="43" xfId="1" applyFont="1" applyBorder="1" applyAlignment="1">
      <alignment horizontal="center" vertical="center"/>
    </xf>
    <xf numFmtId="0" fontId="26" fillId="0" borderId="25" xfId="1" applyBorder="1" applyAlignment="1">
      <alignment vertical="center" wrapText="1"/>
    </xf>
    <xf numFmtId="0" fontId="26" fillId="0" borderId="25" xfId="1" applyFont="1" applyBorder="1">
      <alignment vertical="center"/>
    </xf>
    <xf numFmtId="0" fontId="26" fillId="0" borderId="48" xfId="1" applyFont="1" applyBorder="1">
      <alignment vertical="center"/>
    </xf>
    <xf numFmtId="0" fontId="26" fillId="0" borderId="49" xfId="1" applyFont="1" applyBorder="1">
      <alignment vertical="center"/>
    </xf>
    <xf numFmtId="0" fontId="26" fillId="0" borderId="50" xfId="1" applyFont="1" applyBorder="1">
      <alignment vertical="center"/>
    </xf>
    <xf numFmtId="0" fontId="26" fillId="0" borderId="3" xfId="1" applyBorder="1" applyAlignment="1">
      <alignment vertical="center" wrapText="1"/>
    </xf>
    <xf numFmtId="0" fontId="26" fillId="0" borderId="3" xfId="1" applyFont="1" applyBorder="1">
      <alignment vertical="center"/>
    </xf>
    <xf numFmtId="0" fontId="26" fillId="0" borderId="13" xfId="1" applyFont="1" applyBorder="1">
      <alignment vertical="center"/>
    </xf>
    <xf numFmtId="0" fontId="26" fillId="0" borderId="14" xfId="1" applyFont="1" applyBorder="1">
      <alignment vertical="center"/>
    </xf>
    <xf numFmtId="0" fontId="26" fillId="0" borderId="51" xfId="1" applyFont="1" applyBorder="1">
      <alignment vertical="center"/>
    </xf>
    <xf numFmtId="0" fontId="26" fillId="0" borderId="4" xfId="1" applyBorder="1" applyAlignment="1">
      <alignment vertical="center" wrapText="1"/>
    </xf>
    <xf numFmtId="0" fontId="26" fillId="0" borderId="52" xfId="1" applyFont="1" applyBorder="1">
      <alignment vertical="center"/>
    </xf>
    <xf numFmtId="0" fontId="26" fillId="0" borderId="53" xfId="1" applyFont="1" applyBorder="1">
      <alignment vertical="center"/>
    </xf>
    <xf numFmtId="0" fontId="26" fillId="0" borderId="54" xfId="1" applyFont="1" applyBorder="1">
      <alignment vertical="center"/>
    </xf>
    <xf numFmtId="0" fontId="26" fillId="0" borderId="55" xfId="1" applyFont="1" applyBorder="1">
      <alignment vertical="center"/>
    </xf>
    <xf numFmtId="0" fontId="26" fillId="0" borderId="31" xfId="1" applyFont="1" applyBorder="1">
      <alignment vertical="center"/>
    </xf>
    <xf numFmtId="0" fontId="26" fillId="0" borderId="0" xfId="1" applyFont="1" applyBorder="1">
      <alignment vertical="center"/>
    </xf>
    <xf numFmtId="0" fontId="26" fillId="0" borderId="56" xfId="1" applyFont="1" applyBorder="1">
      <alignment vertical="center"/>
    </xf>
    <xf numFmtId="0" fontId="26" fillId="0" borderId="9" xfId="1" applyFont="1" applyBorder="1">
      <alignment vertical="center"/>
    </xf>
    <xf numFmtId="0" fontId="26" fillId="0" borderId="5" xfId="1" applyFont="1" applyBorder="1">
      <alignment vertical="center"/>
    </xf>
    <xf numFmtId="0" fontId="26" fillId="0" borderId="11" xfId="1" applyFont="1" applyBorder="1">
      <alignment vertical="center"/>
    </xf>
    <xf numFmtId="0" fontId="26" fillId="0" borderId="57" xfId="1" applyFont="1" applyBorder="1">
      <alignment vertical="center"/>
    </xf>
    <xf numFmtId="0" fontId="26" fillId="0" borderId="52" xfId="1" applyBorder="1" applyAlignment="1">
      <alignment vertical="center" wrapText="1"/>
    </xf>
    <xf numFmtId="0" fontId="26" fillId="0" borderId="9" xfId="1" applyBorder="1" applyAlignment="1">
      <alignment vertical="center" wrapText="1"/>
    </xf>
    <xf numFmtId="0" fontId="26" fillId="0" borderId="10" xfId="1" applyBorder="1" applyAlignment="1">
      <alignment vertical="center" wrapText="1"/>
    </xf>
    <xf numFmtId="0" fontId="26" fillId="0" borderId="10" xfId="1" applyFont="1" applyBorder="1">
      <alignment vertical="center"/>
    </xf>
    <xf numFmtId="0" fontId="26" fillId="0" borderId="27" xfId="1" applyFill="1" applyBorder="1" applyAlignment="1">
      <alignment vertical="center" wrapText="1"/>
    </xf>
    <xf numFmtId="0" fontId="26" fillId="0" borderId="58" xfId="1" applyFont="1" applyBorder="1">
      <alignment vertical="center"/>
    </xf>
    <xf numFmtId="0" fontId="26" fillId="0" borderId="59" xfId="1" applyFont="1" applyBorder="1">
      <alignment vertical="center"/>
    </xf>
    <xf numFmtId="0" fontId="26" fillId="0" borderId="60" xfId="1" applyFont="1" applyBorder="1">
      <alignment vertical="center"/>
    </xf>
    <xf numFmtId="0" fontId="5" fillId="2" borderId="63" xfId="0" applyFont="1" applyFill="1" applyBorder="1" applyAlignment="1">
      <alignment horizontal="right" vertical="center"/>
    </xf>
    <xf numFmtId="0" fontId="5" fillId="2" borderId="78" xfId="0" applyFont="1" applyFill="1" applyBorder="1" applyAlignment="1">
      <alignment horizontal="right" vertical="center"/>
    </xf>
    <xf numFmtId="0" fontId="0" fillId="0" borderId="0" xfId="0" applyFill="1"/>
    <xf numFmtId="0" fontId="0" fillId="0" borderId="5" xfId="0" applyFill="1" applyBorder="1" applyAlignment="1">
      <alignment vertical="center"/>
    </xf>
    <xf numFmtId="0" fontId="0" fillId="0" borderId="6" xfId="0" applyFill="1" applyBorder="1" applyAlignment="1">
      <alignment vertical="center"/>
    </xf>
    <xf numFmtId="0" fontId="0" fillId="0" borderId="11" xfId="0" applyFill="1" applyBorder="1" applyAlignment="1">
      <alignment vertical="center"/>
    </xf>
    <xf numFmtId="0" fontId="10" fillId="0" borderId="81" xfId="0" applyFont="1" applyFill="1" applyBorder="1" applyAlignment="1">
      <alignment vertical="center" wrapText="1"/>
    </xf>
    <xf numFmtId="0" fontId="10" fillId="0" borderId="83" xfId="0" applyFont="1" applyFill="1" applyBorder="1" applyAlignment="1">
      <alignment vertical="center" wrapText="1"/>
    </xf>
    <xf numFmtId="0" fontId="10" fillId="0" borderId="31" xfId="0" applyFont="1" applyFill="1" applyBorder="1" applyAlignment="1">
      <alignment vertical="center" wrapText="1"/>
    </xf>
    <xf numFmtId="0" fontId="10" fillId="0" borderId="7" xfId="0" applyFont="1" applyFill="1" applyBorder="1" applyAlignment="1">
      <alignment vertical="center" wrapText="1"/>
    </xf>
    <xf numFmtId="0" fontId="10" fillId="0" borderId="31" xfId="0" applyFont="1" applyFill="1" applyBorder="1" applyAlignment="1">
      <alignment horizontal="left" vertical="top" wrapText="1"/>
    </xf>
    <xf numFmtId="0" fontId="10" fillId="0" borderId="0" xfId="0" applyFont="1" applyFill="1" applyBorder="1" applyAlignment="1">
      <alignment horizontal="left" vertical="top" wrapText="1"/>
    </xf>
    <xf numFmtId="0" fontId="10" fillId="0" borderId="75" xfId="0" applyFont="1" applyFill="1" applyBorder="1" applyAlignment="1">
      <alignment horizontal="left" vertical="top"/>
    </xf>
    <xf numFmtId="0" fontId="5" fillId="0" borderId="62" xfId="0" applyFont="1" applyFill="1" applyBorder="1" applyAlignment="1">
      <alignment horizontal="right" vertical="center"/>
    </xf>
    <xf numFmtId="0" fontId="5" fillId="0" borderId="78" xfId="0" applyFont="1" applyFill="1" applyBorder="1" applyAlignment="1">
      <alignment horizontal="right" vertical="center"/>
    </xf>
    <xf numFmtId="0" fontId="5" fillId="0" borderId="63" xfId="0" applyFont="1" applyFill="1" applyBorder="1" applyAlignment="1">
      <alignment horizontal="right" vertical="center"/>
    </xf>
    <xf numFmtId="0" fontId="0" fillId="0" borderId="67" xfId="0" applyFill="1" applyBorder="1"/>
    <xf numFmtId="0" fontId="0" fillId="0" borderId="74" xfId="0" applyFill="1" applyBorder="1"/>
    <xf numFmtId="0" fontId="0" fillId="0" borderId="66" xfId="0" applyFill="1" applyBorder="1"/>
    <xf numFmtId="0" fontId="0" fillId="0" borderId="80" xfId="0" applyFill="1" applyBorder="1"/>
    <xf numFmtId="0" fontId="9" fillId="0" borderId="2" xfId="0" applyFont="1" applyFill="1" applyBorder="1" applyAlignment="1">
      <alignment vertical="center" textRotation="255"/>
    </xf>
    <xf numFmtId="0" fontId="0" fillId="0" borderId="2" xfId="0" applyFill="1" applyBorder="1"/>
    <xf numFmtId="0" fontId="0" fillId="0" borderId="2" xfId="0" applyFill="1" applyBorder="1" applyAlignment="1">
      <alignment horizontal="right"/>
    </xf>
    <xf numFmtId="0" fontId="0" fillId="0" borderId="69" xfId="0" applyFill="1" applyBorder="1"/>
    <xf numFmtId="0" fontId="0" fillId="0" borderId="79" xfId="0" applyFill="1" applyBorder="1"/>
    <xf numFmtId="0" fontId="0" fillId="0" borderId="70" xfId="0" applyFill="1" applyBorder="1"/>
    <xf numFmtId="0" fontId="0" fillId="0" borderId="16" xfId="0" applyFill="1" applyBorder="1"/>
    <xf numFmtId="0" fontId="0" fillId="0" borderId="23" xfId="0" applyFill="1" applyBorder="1"/>
    <xf numFmtId="0" fontId="0" fillId="0" borderId="17" xfId="0" applyFill="1" applyBorder="1"/>
    <xf numFmtId="0" fontId="6" fillId="0" borderId="0" xfId="0" applyFont="1" applyFill="1" applyAlignment="1">
      <alignment horizontal="right"/>
    </xf>
    <xf numFmtId="0" fontId="6" fillId="0" borderId="0" xfId="0" applyFont="1" applyFill="1"/>
    <xf numFmtId="0" fontId="0" fillId="0" borderId="0" xfId="0" applyFill="1" applyAlignment="1">
      <alignment horizontal="right"/>
    </xf>
    <xf numFmtId="0" fontId="3" fillId="0" borderId="0" xfId="0" applyFont="1" applyFill="1" applyAlignment="1">
      <alignment vertical="center"/>
    </xf>
    <xf numFmtId="0" fontId="6" fillId="0" borderId="3" xfId="0" applyFont="1" applyFill="1" applyBorder="1" applyAlignment="1">
      <alignment horizontal="center" vertical="center" wrapText="1"/>
    </xf>
    <xf numFmtId="0" fontId="0" fillId="0" borderId="0" xfId="0" applyFont="1" applyFill="1" applyAlignment="1">
      <alignment vertical="center"/>
    </xf>
    <xf numFmtId="0" fontId="0" fillId="0" borderId="3" xfId="0" applyFont="1" applyFill="1" applyBorder="1" applyAlignment="1">
      <alignment horizontal="center" vertical="center" wrapText="1"/>
    </xf>
    <xf numFmtId="0" fontId="0" fillId="0" borderId="0" xfId="0" applyFont="1" applyFill="1" applyAlignment="1">
      <alignment horizontal="center" vertical="center"/>
    </xf>
    <xf numFmtId="0" fontId="0" fillId="0" borderId="9" xfId="0" applyFont="1" applyFill="1" applyBorder="1" applyAlignment="1">
      <alignment vertical="center"/>
    </xf>
    <xf numFmtId="0" fontId="0" fillId="0" borderId="3" xfId="0" applyFont="1" applyFill="1" applyBorder="1" applyAlignment="1">
      <alignment vertical="center"/>
    </xf>
    <xf numFmtId="31" fontId="0" fillId="0" borderId="3" xfId="0" applyNumberFormat="1" applyFont="1" applyFill="1" applyBorder="1" applyAlignment="1">
      <alignment horizontal="center" vertical="center"/>
    </xf>
    <xf numFmtId="0" fontId="30" fillId="0" borderId="3" xfId="0" applyFont="1" applyFill="1" applyBorder="1" applyAlignment="1">
      <alignment horizontal="center" vertical="center"/>
    </xf>
    <xf numFmtId="0" fontId="15" fillId="0" borderId="3" xfId="0" applyFont="1" applyFill="1" applyBorder="1" applyAlignment="1">
      <alignment horizontal="center" vertical="center"/>
    </xf>
    <xf numFmtId="0" fontId="31" fillId="0" borderId="3" xfId="0" applyFont="1" applyFill="1" applyBorder="1" applyAlignment="1">
      <alignment horizontal="center" vertical="center"/>
    </xf>
    <xf numFmtId="0" fontId="31" fillId="0" borderId="3" xfId="0" applyFont="1" applyFill="1" applyBorder="1" applyAlignment="1">
      <alignment vertical="center"/>
    </xf>
    <xf numFmtId="0" fontId="15" fillId="0" borderId="3" xfId="0" applyFont="1" applyFill="1" applyBorder="1" applyAlignment="1">
      <alignment vertical="center"/>
    </xf>
    <xf numFmtId="0" fontId="11" fillId="0" borderId="0" xfId="0" applyFont="1" applyFill="1" applyAlignment="1">
      <alignment horizontal="left"/>
    </xf>
    <xf numFmtId="0" fontId="4" fillId="0" borderId="0" xfId="0" applyFont="1" applyFill="1"/>
    <xf numFmtId="0" fontId="11" fillId="0" borderId="0" xfId="0" applyFont="1" applyFill="1"/>
    <xf numFmtId="0" fontId="0" fillId="0" borderId="0" xfId="0" applyFont="1" applyFill="1"/>
    <xf numFmtId="0" fontId="6" fillId="0" borderId="3" xfId="0" applyFont="1" applyFill="1" applyBorder="1" applyAlignment="1">
      <alignment horizontal="center" vertical="center" wrapText="1"/>
    </xf>
    <xf numFmtId="0" fontId="0" fillId="0" borderId="3" xfId="0" applyFont="1" applyFill="1" applyBorder="1" applyAlignment="1">
      <alignment horizontal="center" vertical="center"/>
    </xf>
    <xf numFmtId="0" fontId="12" fillId="0" borderId="3" xfId="0" applyFont="1" applyFill="1" applyBorder="1" applyAlignment="1">
      <alignment horizontal="center" vertical="center"/>
    </xf>
    <xf numFmtId="0" fontId="8" fillId="0" borderId="3" xfId="0" applyFont="1" applyFill="1" applyBorder="1" applyAlignment="1">
      <alignment horizontal="center" vertical="center"/>
    </xf>
    <xf numFmtId="0" fontId="6" fillId="0" borderId="3" xfId="0" applyFont="1" applyFill="1" applyBorder="1" applyAlignment="1">
      <alignment horizontal="center" vertical="center" wrapText="1"/>
    </xf>
    <xf numFmtId="0" fontId="0" fillId="0" borderId="3" xfId="0" applyFont="1" applyFill="1" applyBorder="1" applyAlignment="1">
      <alignment horizontal="center" vertical="center"/>
    </xf>
    <xf numFmtId="0" fontId="6" fillId="0" borderId="3" xfId="0" applyFont="1" applyFill="1" applyBorder="1" applyAlignment="1">
      <alignment horizontal="center" vertical="center" wrapText="1"/>
    </xf>
    <xf numFmtId="0" fontId="0" fillId="0" borderId="3" xfId="0" applyFont="1" applyFill="1" applyBorder="1" applyAlignment="1">
      <alignment horizontal="center" vertical="center"/>
    </xf>
    <xf numFmtId="0" fontId="17" fillId="0" borderId="3" xfId="0" applyFont="1" applyBorder="1" applyAlignment="1">
      <alignment horizontal="center" vertical="center"/>
    </xf>
    <xf numFmtId="0" fontId="17" fillId="0" borderId="3" xfId="0" applyFont="1" applyBorder="1" applyAlignment="1">
      <alignment vertical="center"/>
    </xf>
    <xf numFmtId="0" fontId="8" fillId="2" borderId="3" xfId="0" applyFont="1" applyFill="1" applyBorder="1" applyAlignment="1">
      <alignment horizontal="center" vertical="center"/>
    </xf>
    <xf numFmtId="0" fontId="0" fillId="2" borderId="3" xfId="0" applyFont="1" applyFill="1" applyBorder="1" applyAlignment="1">
      <alignment horizontal="center" vertical="center" wrapText="1"/>
    </xf>
    <xf numFmtId="31" fontId="0" fillId="2" borderId="3" xfId="0" applyNumberFormat="1" applyFont="1" applyFill="1" applyBorder="1" applyAlignment="1">
      <alignment horizontal="center" vertical="center"/>
    </xf>
    <xf numFmtId="0" fontId="0" fillId="2" borderId="3" xfId="0" applyFont="1" applyFill="1" applyBorder="1" applyAlignment="1">
      <alignment horizontal="center" vertical="center"/>
    </xf>
    <xf numFmtId="0" fontId="30" fillId="2" borderId="3" xfId="0" applyFont="1" applyFill="1" applyBorder="1" applyAlignment="1">
      <alignment horizontal="center" vertical="center"/>
    </xf>
    <xf numFmtId="0" fontId="0" fillId="2" borderId="3" xfId="0" applyFont="1" applyFill="1" applyBorder="1" applyAlignment="1">
      <alignment vertical="center"/>
    </xf>
    <xf numFmtId="0" fontId="14" fillId="2" borderId="3" xfId="0" applyFont="1" applyFill="1" applyBorder="1" applyAlignment="1">
      <alignment vertical="center"/>
    </xf>
    <xf numFmtId="0" fontId="5" fillId="2" borderId="3" xfId="0" applyFont="1" applyFill="1" applyBorder="1" applyAlignment="1">
      <alignment horizontal="center" vertical="center"/>
    </xf>
    <xf numFmtId="0" fontId="34" fillId="0" borderId="0" xfId="0" applyFont="1"/>
    <xf numFmtId="49" fontId="0" fillId="2" borderId="3" xfId="0" applyNumberFormat="1" applyFont="1" applyFill="1" applyBorder="1" applyAlignment="1">
      <alignment horizontal="center" vertical="center"/>
    </xf>
    <xf numFmtId="49" fontId="0" fillId="2" borderId="3" xfId="0" applyNumberFormat="1" applyFont="1" applyFill="1" applyBorder="1" applyAlignment="1">
      <alignment vertical="center"/>
    </xf>
    <xf numFmtId="49" fontId="14" fillId="2" borderId="3" xfId="0" applyNumberFormat="1" applyFont="1" applyFill="1" applyBorder="1" applyAlignment="1">
      <alignment vertical="center"/>
    </xf>
    <xf numFmtId="31" fontId="0" fillId="3" borderId="3" xfId="0" applyNumberFormat="1" applyFont="1" applyFill="1" applyBorder="1" applyAlignment="1">
      <alignment horizontal="center" vertical="center"/>
    </xf>
    <xf numFmtId="0" fontId="0" fillId="3" borderId="3" xfId="0" applyFont="1" applyFill="1" applyBorder="1" applyAlignment="1">
      <alignment vertical="center"/>
    </xf>
    <xf numFmtId="0" fontId="0" fillId="3" borderId="3" xfId="0" applyFont="1" applyFill="1" applyBorder="1" applyAlignment="1">
      <alignment horizontal="center" vertical="center"/>
    </xf>
    <xf numFmtId="0" fontId="30" fillId="3" borderId="3" xfId="0" applyFont="1" applyFill="1" applyBorder="1" applyAlignment="1">
      <alignment horizontal="center" vertical="center"/>
    </xf>
    <xf numFmtId="0" fontId="14" fillId="3" borderId="3" xfId="0" applyFont="1" applyFill="1" applyBorder="1" applyAlignment="1">
      <alignment vertical="center"/>
    </xf>
    <xf numFmtId="49" fontId="0" fillId="3" borderId="3" xfId="0" applyNumberFormat="1" applyFont="1" applyFill="1" applyBorder="1" applyAlignment="1">
      <alignment horizontal="center" vertical="center"/>
    </xf>
    <xf numFmtId="49" fontId="0" fillId="3" borderId="3" xfId="0" applyNumberFormat="1" applyFont="1" applyFill="1" applyBorder="1" applyAlignment="1">
      <alignment vertical="center"/>
    </xf>
    <xf numFmtId="0" fontId="0" fillId="0" borderId="13" xfId="0" applyFont="1" applyFill="1" applyBorder="1" applyAlignment="1">
      <alignment vertical="center"/>
    </xf>
    <xf numFmtId="0" fontId="0" fillId="0" borderId="14" xfId="0" applyFont="1" applyFill="1" applyBorder="1" applyAlignment="1">
      <alignment vertical="center"/>
    </xf>
    <xf numFmtId="0" fontId="0" fillId="0" borderId="15" xfId="0" applyFont="1" applyFill="1" applyBorder="1" applyAlignment="1">
      <alignment vertical="center"/>
    </xf>
    <xf numFmtId="49" fontId="14" fillId="3" borderId="3" xfId="0" applyNumberFormat="1" applyFont="1" applyFill="1" applyBorder="1" applyAlignment="1">
      <alignment vertical="center"/>
    </xf>
    <xf numFmtId="0" fontId="21" fillId="2" borderId="18" xfId="0" applyFont="1" applyFill="1" applyBorder="1" applyAlignment="1">
      <alignment horizontal="center" vertical="center"/>
    </xf>
    <xf numFmtId="0" fontId="21" fillId="0" borderId="16" xfId="0" applyFont="1" applyFill="1" applyBorder="1" applyAlignment="1">
      <alignment horizontal="center" vertical="center"/>
    </xf>
    <xf numFmtId="0" fontId="17" fillId="0" borderId="3" xfId="0" applyFont="1" applyBorder="1" applyAlignment="1">
      <alignment horizontal="right" vertical="center"/>
    </xf>
    <xf numFmtId="0" fontId="21" fillId="2" borderId="3" xfId="0" applyFont="1" applyFill="1" applyBorder="1" applyAlignment="1">
      <alignment horizontal="center" vertical="center" textRotation="255"/>
    </xf>
    <xf numFmtId="0" fontId="17" fillId="2" borderId="3" xfId="0" applyFont="1" applyFill="1" applyBorder="1" applyAlignment="1">
      <alignment horizontal="right" vertical="center"/>
    </xf>
    <xf numFmtId="0" fontId="21" fillId="0" borderId="18" xfId="0" applyFont="1" applyFill="1" applyBorder="1" applyAlignment="1">
      <alignment horizontal="center" vertical="center"/>
    </xf>
    <xf numFmtId="0" fontId="0" fillId="0" borderId="25" xfId="0" applyFont="1" applyFill="1" applyBorder="1" applyAlignment="1">
      <alignment horizontal="center" vertical="center"/>
    </xf>
    <xf numFmtId="0" fontId="6" fillId="0" borderId="25" xfId="0" applyFont="1" applyFill="1" applyBorder="1" applyAlignment="1">
      <alignment horizontal="center" vertical="center" wrapText="1"/>
    </xf>
    <xf numFmtId="31" fontId="0" fillId="2" borderId="94" xfId="0" applyNumberFormat="1" applyFont="1" applyFill="1" applyBorder="1" applyAlignment="1">
      <alignment horizontal="center" vertical="center"/>
    </xf>
    <xf numFmtId="0" fontId="30" fillId="2" borderId="89" xfId="0" applyFont="1" applyFill="1" applyBorder="1" applyAlignment="1">
      <alignment horizontal="center" vertical="center"/>
    </xf>
    <xf numFmtId="0" fontId="0" fillId="0" borderId="94" xfId="0" applyFont="1" applyFill="1" applyBorder="1" applyAlignment="1">
      <alignment vertical="center"/>
    </xf>
    <xf numFmtId="0" fontId="30" fillId="0" borderId="89" xfId="0" applyFont="1" applyFill="1" applyBorder="1" applyAlignment="1">
      <alignment horizontal="center" vertical="center"/>
    </xf>
    <xf numFmtId="31" fontId="0" fillId="0" borderId="94" xfId="0" applyNumberFormat="1" applyFont="1" applyFill="1" applyBorder="1" applyAlignment="1">
      <alignment horizontal="center" vertical="center"/>
    </xf>
    <xf numFmtId="0" fontId="34" fillId="0" borderId="0" xfId="0" applyFont="1" applyBorder="1"/>
    <xf numFmtId="0" fontId="0" fillId="0" borderId="89" xfId="0" applyFont="1" applyFill="1" applyBorder="1" applyAlignment="1">
      <alignment horizontal="center" vertical="center"/>
    </xf>
    <xf numFmtId="0" fontId="0" fillId="0" borderId="89" xfId="0" applyFont="1" applyFill="1" applyBorder="1" applyAlignment="1">
      <alignment vertical="center"/>
    </xf>
    <xf numFmtId="0" fontId="0" fillId="0" borderId="95" xfId="0" applyFont="1" applyFill="1" applyBorder="1" applyAlignment="1">
      <alignment vertical="center"/>
    </xf>
    <xf numFmtId="0" fontId="0" fillId="0" borderId="52" xfId="0" applyFont="1" applyFill="1" applyBorder="1" applyAlignment="1">
      <alignment vertical="center"/>
    </xf>
    <xf numFmtId="0" fontId="0" fillId="0" borderId="97" xfId="0" applyFont="1" applyFill="1" applyBorder="1" applyAlignment="1">
      <alignment vertical="center"/>
    </xf>
    <xf numFmtId="0" fontId="17" fillId="0" borderId="3" xfId="0" applyFont="1" applyBorder="1" applyAlignment="1">
      <alignment vertical="center"/>
    </xf>
    <xf numFmtId="0" fontId="0" fillId="0" borderId="11" xfId="0" applyFill="1" applyBorder="1" applyAlignment="1">
      <alignment horizontal="center" vertical="center"/>
    </xf>
    <xf numFmtId="0" fontId="10" fillId="0" borderId="82" xfId="0" applyFont="1" applyFill="1" applyBorder="1" applyAlignment="1">
      <alignment horizontal="left" vertical="center" wrapText="1"/>
    </xf>
    <xf numFmtId="0" fontId="3" fillId="0" borderId="0" xfId="0" applyFont="1" applyFill="1" applyAlignment="1">
      <alignment horizontal="center" vertical="top"/>
    </xf>
    <xf numFmtId="0" fontId="31" fillId="0" borderId="15" xfId="0" applyFont="1" applyFill="1" applyBorder="1" applyAlignment="1">
      <alignment horizontal="center" vertical="center" wrapText="1"/>
    </xf>
    <xf numFmtId="0" fontId="0" fillId="0" borderId="3" xfId="0" applyFont="1" applyFill="1" applyBorder="1" applyAlignment="1">
      <alignment vertical="center" wrapText="1"/>
    </xf>
    <xf numFmtId="0" fontId="32" fillId="0" borderId="3" xfId="0" applyFont="1" applyFill="1" applyBorder="1" applyAlignment="1">
      <alignment horizontal="center" vertical="center" wrapText="1"/>
    </xf>
    <xf numFmtId="0" fontId="5" fillId="0" borderId="101" xfId="0" applyFont="1" applyFill="1" applyBorder="1" applyAlignment="1">
      <alignment horizontal="right" vertical="center"/>
    </xf>
    <xf numFmtId="0" fontId="5" fillId="0" borderId="3" xfId="0" applyFont="1" applyFill="1" applyBorder="1" applyAlignment="1">
      <alignment horizontal="center" vertical="center" wrapText="1"/>
    </xf>
    <xf numFmtId="0" fontId="5" fillId="0" borderId="15" xfId="0" applyFont="1" applyFill="1" applyBorder="1" applyAlignment="1">
      <alignment horizontal="center" vertical="center" wrapText="1"/>
    </xf>
    <xf numFmtId="0" fontId="17" fillId="2" borderId="3" xfId="0" applyFont="1" applyFill="1" applyBorder="1" applyAlignment="1">
      <alignment horizontal="center" vertical="center"/>
    </xf>
    <xf numFmtId="55" fontId="17" fillId="2" borderId="3" xfId="0" applyNumberFormat="1" applyFont="1" applyFill="1" applyBorder="1" applyAlignment="1">
      <alignment horizontal="center" vertical="center"/>
    </xf>
    <xf numFmtId="0" fontId="0" fillId="0" borderId="13" xfId="0" applyFont="1" applyFill="1" applyBorder="1" applyAlignment="1">
      <alignment horizontal="left" vertical="center"/>
    </xf>
    <xf numFmtId="0" fontId="0" fillId="0" borderId="14" xfId="0" applyFont="1" applyFill="1" applyBorder="1" applyAlignment="1">
      <alignment horizontal="left" vertical="center"/>
    </xf>
    <xf numFmtId="0" fontId="0" fillId="0" borderId="15" xfId="0" applyFont="1" applyFill="1" applyBorder="1" applyAlignment="1">
      <alignment horizontal="left" vertical="center"/>
    </xf>
    <xf numFmtId="0" fontId="0" fillId="0" borderId="3" xfId="0" applyFont="1" applyFill="1" applyBorder="1" applyAlignment="1">
      <alignment horizontal="center" vertical="center"/>
    </xf>
    <xf numFmtId="0" fontId="0" fillId="2" borderId="13" xfId="0" applyFont="1" applyFill="1" applyBorder="1" applyAlignment="1">
      <alignment horizontal="left" vertical="center"/>
    </xf>
    <xf numFmtId="0" fontId="0" fillId="2" borderId="14" xfId="0" applyFont="1" applyFill="1" applyBorder="1" applyAlignment="1">
      <alignment horizontal="left" vertical="center"/>
    </xf>
    <xf numFmtId="0" fontId="0" fillId="2" borderId="15" xfId="0" applyFont="1" applyFill="1" applyBorder="1" applyAlignment="1">
      <alignment horizontal="left" vertical="center"/>
    </xf>
    <xf numFmtId="0" fontId="0" fillId="2" borderId="3" xfId="0" applyFont="1" applyFill="1" applyBorder="1" applyAlignment="1">
      <alignment horizontal="center" vertical="center"/>
    </xf>
    <xf numFmtId="49" fontId="0" fillId="0" borderId="3" xfId="0" applyNumberFormat="1" applyFont="1" applyFill="1" applyBorder="1" applyAlignment="1">
      <alignment vertical="center"/>
    </xf>
    <xf numFmtId="49" fontId="0" fillId="0" borderId="3" xfId="0" applyNumberFormat="1" applyFont="1" applyFill="1" applyBorder="1" applyAlignment="1">
      <alignment horizontal="center" vertical="center"/>
    </xf>
    <xf numFmtId="0" fontId="4" fillId="0" borderId="0" xfId="0" applyFont="1"/>
    <xf numFmtId="49" fontId="0" fillId="0" borderId="0" xfId="0" applyNumberFormat="1"/>
    <xf numFmtId="0" fontId="36" fillId="0" borderId="0" xfId="0" applyFont="1"/>
    <xf numFmtId="0" fontId="0" fillId="0" borderId="3" xfId="0" applyFont="1" applyFill="1" applyBorder="1" applyAlignment="1">
      <alignment horizontal="center" vertical="center"/>
    </xf>
    <xf numFmtId="0" fontId="37" fillId="0" borderId="102" xfId="0" applyFont="1" applyBorder="1"/>
    <xf numFmtId="0" fontId="17" fillId="0" borderId="3" xfId="0" applyFont="1" applyBorder="1" applyAlignment="1">
      <alignment vertical="center"/>
    </xf>
    <xf numFmtId="0" fontId="37" fillId="2" borderId="50" xfId="0" applyFont="1" applyFill="1" applyBorder="1"/>
    <xf numFmtId="0" fontId="37" fillId="2" borderId="55" xfId="0" applyFont="1" applyFill="1" applyBorder="1"/>
    <xf numFmtId="0" fontId="37" fillId="2" borderId="104" xfId="0" applyFont="1" applyFill="1" applyBorder="1"/>
    <xf numFmtId="0" fontId="37" fillId="2" borderId="51" xfId="0" applyFont="1" applyFill="1" applyBorder="1"/>
    <xf numFmtId="0" fontId="37" fillId="2" borderId="57" xfId="0" applyFont="1" applyFill="1" applyBorder="1" applyAlignment="1">
      <alignment vertical="top" wrapText="1"/>
    </xf>
    <xf numFmtId="0" fontId="37" fillId="2" borderId="57" xfId="0" applyFont="1" applyFill="1" applyBorder="1"/>
    <xf numFmtId="0" fontId="37" fillId="2" borderId="55" xfId="0" applyFont="1" applyFill="1" applyBorder="1" applyAlignment="1">
      <alignment horizontal="left" vertical="top" wrapText="1"/>
    </xf>
    <xf numFmtId="0" fontId="37" fillId="0" borderId="103" xfId="0" applyFont="1" applyBorder="1" applyAlignment="1">
      <alignment horizontal="center"/>
    </xf>
    <xf numFmtId="0" fontId="37" fillId="0" borderId="46" xfId="0" applyFont="1" applyBorder="1" applyAlignment="1">
      <alignment horizontal="center"/>
    </xf>
    <xf numFmtId="0" fontId="0" fillId="0" borderId="13" xfId="0" applyFont="1" applyFill="1" applyBorder="1" applyAlignment="1">
      <alignment horizontal="left" vertical="center"/>
    </xf>
    <xf numFmtId="0" fontId="0" fillId="0" borderId="14" xfId="0" applyFont="1" applyFill="1" applyBorder="1" applyAlignment="1">
      <alignment horizontal="left" vertical="center"/>
    </xf>
    <xf numFmtId="0" fontId="0" fillId="0" borderId="15" xfId="0" applyFont="1" applyFill="1" applyBorder="1" applyAlignment="1">
      <alignment horizontal="left" vertical="center"/>
    </xf>
    <xf numFmtId="0" fontId="7" fillId="0" borderId="12" xfId="0" applyFont="1" applyFill="1" applyBorder="1" applyAlignment="1">
      <alignment horizontal="center" vertical="center"/>
    </xf>
    <xf numFmtId="0" fontId="6" fillId="0" borderId="3" xfId="0" applyFont="1" applyFill="1" applyBorder="1" applyAlignment="1">
      <alignment horizontal="center" vertical="center" wrapText="1"/>
    </xf>
    <xf numFmtId="0" fontId="6" fillId="0" borderId="3" xfId="0" applyFont="1" applyFill="1" applyBorder="1" applyAlignment="1">
      <alignment horizontal="center" vertical="center"/>
    </xf>
    <xf numFmtId="0" fontId="9" fillId="0" borderId="3" xfId="0" applyFont="1" applyFill="1" applyBorder="1" applyAlignment="1">
      <alignment horizontal="center" vertical="center" wrapText="1"/>
    </xf>
    <xf numFmtId="0" fontId="0" fillId="0" borderId="3"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9" xfId="0" applyFill="1" applyBorder="1" applyAlignment="1">
      <alignment horizontal="center" vertical="center"/>
    </xf>
    <xf numFmtId="0" fontId="0" fillId="0" borderId="5" xfId="0" applyFont="1" applyFill="1" applyBorder="1" applyAlignment="1">
      <alignment horizontal="center" vertical="center" wrapText="1"/>
    </xf>
    <xf numFmtId="0" fontId="0" fillId="0" borderId="11"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7" xfId="0" applyFont="1" applyFill="1" applyBorder="1" applyAlignment="1">
      <alignment horizontal="center" vertical="center"/>
    </xf>
    <xf numFmtId="0" fontId="0" fillId="0" borderId="12" xfId="0" applyFont="1" applyFill="1" applyBorder="1" applyAlignment="1">
      <alignment horizontal="center" vertical="center"/>
    </xf>
    <xf numFmtId="0" fontId="0" fillId="0" borderId="8" xfId="0" applyFont="1" applyFill="1" applyBorder="1" applyAlignment="1">
      <alignment horizontal="center" vertical="center"/>
    </xf>
    <xf numFmtId="0" fontId="13" fillId="0" borderId="9" xfId="0" applyFont="1" applyFill="1" applyBorder="1" applyAlignment="1">
      <alignment horizontal="center" vertical="center" textRotation="255" wrapText="1"/>
    </xf>
    <xf numFmtId="0" fontId="10" fillId="0" borderId="10" xfId="0" applyFont="1" applyFill="1" applyBorder="1" applyAlignment="1">
      <alignment horizontal="center" vertical="center" textRotation="255" wrapText="1"/>
    </xf>
    <xf numFmtId="0" fontId="9" fillId="0" borderId="9" xfId="0" applyFont="1" applyFill="1" applyBorder="1" applyAlignment="1">
      <alignment horizontal="center" vertical="center" textRotation="255" wrapText="1"/>
    </xf>
    <xf numFmtId="0" fontId="0" fillId="0" borderId="10" xfId="0" applyFont="1" applyFill="1" applyBorder="1"/>
    <xf numFmtId="0" fontId="0" fillId="0" borderId="13" xfId="0" applyFont="1" applyFill="1" applyBorder="1" applyAlignment="1">
      <alignment horizontal="center" vertical="center"/>
    </xf>
    <xf numFmtId="0" fontId="0" fillId="0" borderId="15" xfId="0" applyFont="1" applyFill="1" applyBorder="1" applyAlignment="1">
      <alignment horizontal="center" vertical="center"/>
    </xf>
    <xf numFmtId="0" fontId="8" fillId="0" borderId="13" xfId="0" applyFont="1" applyFill="1" applyBorder="1" applyAlignment="1">
      <alignment horizontal="center" vertical="center"/>
    </xf>
    <xf numFmtId="0" fontId="8" fillId="0" borderId="15" xfId="0" applyFont="1" applyFill="1" applyBorder="1" applyAlignment="1">
      <alignment horizontal="center" vertical="center"/>
    </xf>
    <xf numFmtId="0" fontId="21" fillId="0" borderId="13" xfId="0" applyFont="1" applyBorder="1" applyAlignment="1">
      <alignment horizontal="center" vertical="center"/>
    </xf>
    <xf numFmtId="0" fontId="21" fillId="0" borderId="15" xfId="0" applyFont="1" applyBorder="1" applyAlignment="1">
      <alignment horizontal="center" vertical="center"/>
    </xf>
    <xf numFmtId="0" fontId="17" fillId="0" borderId="3" xfId="0" applyFont="1" applyBorder="1" applyAlignment="1">
      <alignment horizontal="center" vertical="center"/>
    </xf>
    <xf numFmtId="0" fontId="17" fillId="0" borderId="3" xfId="0" applyFont="1" applyBorder="1" applyAlignment="1">
      <alignment vertical="center"/>
    </xf>
    <xf numFmtId="0" fontId="24" fillId="0" borderId="9" xfId="0" applyFont="1" applyBorder="1" applyAlignment="1">
      <alignment horizontal="center" vertical="center"/>
    </xf>
    <xf numFmtId="0" fontId="24" fillId="0" borderId="10" xfId="0" applyFont="1" applyBorder="1" applyAlignment="1">
      <alignment horizontal="center" vertical="center"/>
    </xf>
    <xf numFmtId="0" fontId="23" fillId="0" borderId="0" xfId="0" applyFont="1" applyAlignment="1">
      <alignment horizontal="center" vertical="center"/>
    </xf>
    <xf numFmtId="0" fontId="20" fillId="0" borderId="0" xfId="0" applyFont="1" applyAlignment="1">
      <alignment horizontal="center" vertical="center"/>
    </xf>
    <xf numFmtId="0" fontId="21" fillId="0" borderId="20" xfId="0" applyFont="1" applyBorder="1" applyAlignment="1">
      <alignment horizontal="center" vertical="center"/>
    </xf>
    <xf numFmtId="0" fontId="17" fillId="0" borderId="21" xfId="0" applyFont="1" applyBorder="1"/>
    <xf numFmtId="0" fontId="17" fillId="0" borderId="1" xfId="0" applyFont="1" applyBorder="1"/>
    <xf numFmtId="0" fontId="21" fillId="0" borderId="22" xfId="0" applyFont="1" applyBorder="1" applyAlignment="1">
      <alignment horizontal="center" vertical="center"/>
    </xf>
    <xf numFmtId="0" fontId="17" fillId="0" borderId="23" xfId="0" applyFont="1" applyBorder="1"/>
    <xf numFmtId="0" fontId="17" fillId="0" borderId="17" xfId="0" applyFont="1" applyBorder="1"/>
    <xf numFmtId="0" fontId="17" fillId="0" borderId="9" xfId="0" applyFont="1" applyBorder="1" applyAlignment="1">
      <alignment horizontal="center" vertical="center" wrapText="1"/>
    </xf>
    <xf numFmtId="0" fontId="17" fillId="0" borderId="10" xfId="0" applyFont="1" applyBorder="1" applyAlignment="1">
      <alignment horizontal="center" vertical="center"/>
    </xf>
    <xf numFmtId="0" fontId="17" fillId="0" borderId="13" xfId="0" applyFont="1" applyBorder="1" applyAlignment="1">
      <alignment horizontal="center" vertical="center"/>
    </xf>
    <xf numFmtId="0" fontId="17" fillId="0" borderId="14" xfId="0" applyFont="1" applyBorder="1" applyAlignment="1">
      <alignment horizontal="center" vertical="center"/>
    </xf>
    <xf numFmtId="0" fontId="17" fillId="0" borderId="15" xfId="0" applyFont="1" applyBorder="1" applyAlignment="1">
      <alignment horizontal="center" vertical="center"/>
    </xf>
    <xf numFmtId="0" fontId="21" fillId="0" borderId="18" xfId="0" applyFont="1" applyFill="1" applyBorder="1" applyAlignment="1">
      <alignment horizontal="center" vertical="center"/>
    </xf>
    <xf numFmtId="0" fontId="21" fillId="0" borderId="21" xfId="0" applyFont="1" applyFill="1" applyBorder="1" applyAlignment="1">
      <alignment horizontal="center" vertical="center"/>
    </xf>
    <xf numFmtId="0" fontId="21" fillId="0" borderId="19" xfId="0" applyFont="1" applyFill="1" applyBorder="1" applyAlignment="1">
      <alignment horizontal="center" vertical="center"/>
    </xf>
    <xf numFmtId="0" fontId="21" fillId="0" borderId="16" xfId="0" applyFont="1" applyFill="1" applyBorder="1" applyAlignment="1">
      <alignment horizontal="center" vertical="center"/>
    </xf>
    <xf numFmtId="0" fontId="21" fillId="0" borderId="17" xfId="0" applyFont="1" applyFill="1" applyBorder="1" applyAlignment="1">
      <alignment horizontal="center" vertical="center"/>
    </xf>
    <xf numFmtId="0" fontId="21" fillId="0" borderId="23" xfId="0" applyFont="1" applyFill="1" applyBorder="1" applyAlignment="1">
      <alignment horizontal="center" vertical="center"/>
    </xf>
    <xf numFmtId="0" fontId="21" fillId="0" borderId="24" xfId="0" applyFont="1" applyFill="1" applyBorder="1" applyAlignment="1">
      <alignment horizontal="center" vertical="center"/>
    </xf>
    <xf numFmtId="0" fontId="21" fillId="0" borderId="13" xfId="0" applyFont="1" applyBorder="1" applyAlignment="1">
      <alignment horizontal="center" vertical="center" textRotation="255"/>
    </xf>
    <xf numFmtId="0" fontId="21" fillId="0" borderId="14" xfId="0" applyFont="1" applyBorder="1" applyAlignment="1">
      <alignment horizontal="center" vertical="center" textRotation="255"/>
    </xf>
    <xf numFmtId="0" fontId="21" fillId="0" borderId="15" xfId="0" applyFont="1" applyBorder="1" applyAlignment="1">
      <alignment horizontal="center" vertical="center" textRotation="255"/>
    </xf>
    <xf numFmtId="0" fontId="22" fillId="0" borderId="16" xfId="0" applyFont="1" applyBorder="1" applyAlignment="1">
      <alignment horizontal="right" vertical="center"/>
    </xf>
    <xf numFmtId="0" fontId="22" fillId="0" borderId="17" xfId="0" applyFont="1" applyBorder="1"/>
    <xf numFmtId="0" fontId="21" fillId="0" borderId="16" xfId="0" applyFont="1" applyBorder="1" applyAlignment="1">
      <alignment horizontal="center" vertical="center"/>
    </xf>
    <xf numFmtId="0" fontId="21" fillId="0" borderId="17" xfId="0" applyFont="1" applyBorder="1" applyAlignment="1">
      <alignment horizontal="center" vertical="center"/>
    </xf>
    <xf numFmtId="0" fontId="17" fillId="0" borderId="24" xfId="0" applyFont="1" applyBorder="1"/>
    <xf numFmtId="0" fontId="17" fillId="0" borderId="5" xfId="0" applyFont="1" applyBorder="1" applyAlignment="1">
      <alignment horizontal="center" vertical="center"/>
    </xf>
    <xf numFmtId="0" fontId="17" fillId="0" borderId="11" xfId="0" applyFont="1" applyBorder="1" applyAlignment="1">
      <alignment horizontal="center" vertical="center"/>
    </xf>
    <xf numFmtId="0" fontId="17" fillId="0" borderId="6" xfId="0" applyFont="1" applyBorder="1" applyAlignment="1">
      <alignment horizontal="center" vertical="center"/>
    </xf>
    <xf numFmtId="0" fontId="17" fillId="0" borderId="7" xfId="0" applyFont="1" applyBorder="1" applyAlignment="1">
      <alignment horizontal="center" vertical="center"/>
    </xf>
    <xf numFmtId="0" fontId="17" fillId="0" borderId="12" xfId="0" applyFont="1" applyBorder="1" applyAlignment="1">
      <alignment horizontal="center" vertical="center"/>
    </xf>
    <xf numFmtId="0" fontId="17" fillId="0" borderId="8" xfId="0" applyFont="1" applyBorder="1" applyAlignment="1">
      <alignment horizontal="center" vertical="center"/>
    </xf>
    <xf numFmtId="0" fontId="22" fillId="0" borderId="18" xfId="0" applyFont="1" applyBorder="1" applyAlignment="1">
      <alignment horizontal="right" vertical="center"/>
    </xf>
    <xf numFmtId="0" fontId="22" fillId="0" borderId="1" xfId="0" applyFont="1" applyBorder="1" applyAlignment="1">
      <alignment horizontal="right" vertical="center"/>
    </xf>
    <xf numFmtId="0" fontId="21" fillId="0" borderId="18" xfId="0" applyFont="1" applyBorder="1" applyAlignment="1">
      <alignment horizontal="center" vertical="center"/>
    </xf>
    <xf numFmtId="0" fontId="21" fillId="0" borderId="1" xfId="0" applyFont="1" applyBorder="1" applyAlignment="1">
      <alignment horizontal="center" vertical="center"/>
    </xf>
    <xf numFmtId="0" fontId="21" fillId="0" borderId="18" xfId="0" applyFont="1" applyBorder="1" applyAlignment="1">
      <alignment horizontal="right" vertical="center"/>
    </xf>
    <xf numFmtId="0" fontId="17" fillId="0" borderId="19" xfId="0" applyFont="1" applyBorder="1" applyAlignment="1">
      <alignment horizontal="right"/>
    </xf>
    <xf numFmtId="0" fontId="27" fillId="0" borderId="47" xfId="1" applyFont="1" applyBorder="1" applyAlignment="1">
      <alignment horizontal="center" vertical="center" textRotation="255"/>
    </xf>
    <xf numFmtId="0" fontId="27" fillId="0" borderId="28" xfId="1" applyFont="1" applyBorder="1" applyAlignment="1">
      <alignment horizontal="center" vertical="center" textRotation="255"/>
    </xf>
    <xf numFmtId="0" fontId="27" fillId="0" borderId="26" xfId="1" applyFont="1" applyBorder="1" applyAlignment="1">
      <alignment horizontal="center" vertical="center" textRotation="255"/>
    </xf>
    <xf numFmtId="0" fontId="26" fillId="0" borderId="41" xfId="1" applyBorder="1" applyAlignment="1">
      <alignment horizontal="center" vertical="center"/>
    </xf>
    <xf numFmtId="0" fontId="26" fillId="0" borderId="42" xfId="1" applyBorder="1" applyAlignment="1">
      <alignment horizontal="center" vertical="center"/>
    </xf>
    <xf numFmtId="0" fontId="26" fillId="0" borderId="44" xfId="1" applyBorder="1" applyAlignment="1">
      <alignment horizontal="center" vertical="center"/>
    </xf>
    <xf numFmtId="0" fontId="26" fillId="0" borderId="45" xfId="1" applyBorder="1" applyAlignment="1">
      <alignment horizontal="center" vertical="center"/>
    </xf>
    <xf numFmtId="0" fontId="26" fillId="0" borderId="46" xfId="1" applyBorder="1" applyAlignment="1">
      <alignment horizontal="center" vertical="center"/>
    </xf>
    <xf numFmtId="0" fontId="29" fillId="0" borderId="47" xfId="1" applyFont="1" applyBorder="1" applyAlignment="1">
      <alignment horizontal="center" vertical="center" textRotation="255"/>
    </xf>
    <xf numFmtId="0" fontId="29" fillId="0" borderId="28" xfId="1" applyFont="1" applyBorder="1" applyAlignment="1">
      <alignment horizontal="center" vertical="center" textRotation="255"/>
    </xf>
    <xf numFmtId="0" fontId="29" fillId="0" borderId="26" xfId="1" applyFont="1" applyBorder="1" applyAlignment="1">
      <alignment horizontal="center" vertical="center" textRotation="255"/>
    </xf>
    <xf numFmtId="0" fontId="5" fillId="0" borderId="98" xfId="0" applyFont="1" applyFill="1" applyBorder="1" applyAlignment="1">
      <alignment horizontal="left" vertical="center" wrapText="1"/>
    </xf>
    <xf numFmtId="0" fontId="5" fillId="0" borderId="99" xfId="0" applyFont="1" applyFill="1" applyBorder="1" applyAlignment="1">
      <alignment horizontal="left" vertical="center" wrapText="1"/>
    </xf>
    <xf numFmtId="0" fontId="6" fillId="0" borderId="100" xfId="0" applyFont="1" applyFill="1" applyBorder="1" applyAlignment="1">
      <alignment horizontal="center" vertical="center" wrapText="1"/>
    </xf>
    <xf numFmtId="0" fontId="6" fillId="0" borderId="15" xfId="0" applyFont="1" applyFill="1" applyBorder="1" applyAlignment="1">
      <alignment horizontal="center" vertical="center" wrapText="1"/>
    </xf>
    <xf numFmtId="0" fontId="0" fillId="0" borderId="5" xfId="0" applyFill="1" applyBorder="1" applyAlignment="1">
      <alignment horizontal="center" vertical="center"/>
    </xf>
    <xf numFmtId="0" fontId="0" fillId="0" borderId="6" xfId="0" applyFill="1" applyBorder="1" applyAlignment="1">
      <alignment horizontal="center" vertical="center"/>
    </xf>
    <xf numFmtId="0" fontId="6" fillId="0" borderId="31" xfId="0" applyFont="1" applyFill="1" applyBorder="1" applyAlignment="1">
      <alignment horizontal="center" vertical="center"/>
    </xf>
    <xf numFmtId="0" fontId="6" fillId="0" borderId="75" xfId="0" applyFont="1" applyFill="1" applyBorder="1" applyAlignment="1">
      <alignment horizontal="center" vertical="center"/>
    </xf>
    <xf numFmtId="0" fontId="6" fillId="0" borderId="7" xfId="0" applyFont="1" applyFill="1" applyBorder="1" applyAlignment="1">
      <alignment horizontal="center" vertical="center"/>
    </xf>
    <xf numFmtId="0" fontId="6" fillId="0" borderId="8" xfId="0" applyFont="1" applyFill="1" applyBorder="1" applyAlignment="1">
      <alignment horizontal="center" vertical="center"/>
    </xf>
    <xf numFmtId="0" fontId="32" fillId="0" borderId="13" xfId="0" applyFont="1" applyFill="1" applyBorder="1" applyAlignment="1">
      <alignment horizontal="center" vertical="center" wrapText="1"/>
    </xf>
    <xf numFmtId="0" fontId="32" fillId="0" borderId="15" xfId="0" applyFont="1" applyFill="1" applyBorder="1" applyAlignment="1">
      <alignment horizontal="center" vertical="center" wrapText="1"/>
    </xf>
    <xf numFmtId="176" fontId="0" fillId="0" borderId="33" xfId="0" applyNumberFormat="1" applyFill="1" applyBorder="1" applyAlignment="1">
      <alignment horizontal="center" vertical="center"/>
    </xf>
    <xf numFmtId="176" fontId="0" fillId="0" borderId="11" xfId="0" applyNumberFormat="1" applyFill="1" applyBorder="1" applyAlignment="1">
      <alignment horizontal="center" vertical="center"/>
    </xf>
    <xf numFmtId="176" fontId="0" fillId="0" borderId="6" xfId="0" applyNumberFormat="1" applyFill="1" applyBorder="1" applyAlignment="1">
      <alignment horizontal="center" vertical="center"/>
    </xf>
    <xf numFmtId="176" fontId="0" fillId="0" borderId="34" xfId="0" applyNumberFormat="1" applyFill="1" applyBorder="1" applyAlignment="1">
      <alignment horizontal="center" vertical="center"/>
    </xf>
    <xf numFmtId="176" fontId="0" fillId="0" borderId="12" xfId="0" applyNumberFormat="1" applyFill="1" applyBorder="1" applyAlignment="1">
      <alignment horizontal="center" vertical="center"/>
    </xf>
    <xf numFmtId="176" fontId="0" fillId="0" borderId="8" xfId="0" applyNumberFormat="1" applyFill="1" applyBorder="1" applyAlignment="1">
      <alignment horizontal="center" vertical="center"/>
    </xf>
    <xf numFmtId="0" fontId="5" fillId="0" borderId="5" xfId="0" applyFont="1" applyFill="1" applyBorder="1" applyAlignment="1">
      <alignment horizontal="right" vertical="center"/>
    </xf>
    <xf numFmtId="0" fontId="5" fillId="0" borderId="11" xfId="0" applyFont="1" applyFill="1" applyBorder="1" applyAlignment="1">
      <alignment horizontal="right" vertical="center"/>
    </xf>
    <xf numFmtId="0" fontId="5" fillId="0" borderId="7" xfId="0" applyFont="1" applyFill="1" applyBorder="1" applyAlignment="1">
      <alignment horizontal="right" vertical="center"/>
    </xf>
    <xf numFmtId="0" fontId="5" fillId="0" borderId="12" xfId="0" applyFont="1" applyFill="1" applyBorder="1" applyAlignment="1">
      <alignment horizontal="right" vertical="center"/>
    </xf>
    <xf numFmtId="0" fontId="5" fillId="0" borderId="6" xfId="0" applyFont="1" applyFill="1" applyBorder="1" applyAlignment="1">
      <alignment horizontal="center" vertical="center"/>
    </xf>
    <xf numFmtId="0" fontId="5" fillId="0" borderId="8" xfId="0" applyFont="1" applyFill="1" applyBorder="1" applyAlignment="1">
      <alignment horizontal="center" vertical="center"/>
    </xf>
    <xf numFmtId="0" fontId="0" fillId="0" borderId="9" xfId="0" applyFill="1" applyBorder="1" applyAlignment="1">
      <alignment horizontal="center"/>
    </xf>
    <xf numFmtId="0" fontId="0" fillId="0" borderId="4" xfId="0" applyFill="1" applyBorder="1" applyAlignment="1">
      <alignment horizontal="center"/>
    </xf>
    <xf numFmtId="0" fontId="5" fillId="0" borderId="64" xfId="0" applyFont="1" applyFill="1" applyBorder="1" applyAlignment="1">
      <alignment horizontal="center" vertical="center"/>
    </xf>
    <xf numFmtId="0" fontId="5" fillId="0" borderId="77" xfId="0" applyFont="1" applyFill="1" applyBorder="1" applyAlignment="1">
      <alignment horizontal="center" vertical="center"/>
    </xf>
    <xf numFmtId="0" fontId="5" fillId="0" borderId="65" xfId="0" applyFont="1" applyFill="1" applyBorder="1" applyAlignment="1">
      <alignment horizontal="center" vertical="center"/>
    </xf>
    <xf numFmtId="49" fontId="5" fillId="0" borderId="64" xfId="0" applyNumberFormat="1" applyFont="1" applyFill="1" applyBorder="1" applyAlignment="1">
      <alignment horizontal="center" vertical="center"/>
    </xf>
    <xf numFmtId="49" fontId="5" fillId="0" borderId="77" xfId="0" applyNumberFormat="1" applyFont="1" applyFill="1" applyBorder="1" applyAlignment="1">
      <alignment horizontal="center" vertical="center"/>
    </xf>
    <xf numFmtId="49" fontId="5" fillId="0" borderId="65" xfId="0" applyNumberFormat="1" applyFont="1" applyFill="1" applyBorder="1" applyAlignment="1">
      <alignment horizontal="center" vertical="center"/>
    </xf>
    <xf numFmtId="0" fontId="5" fillId="0" borderId="13" xfId="0" applyFont="1" applyFill="1" applyBorder="1" applyAlignment="1">
      <alignment horizontal="center" vertical="center"/>
    </xf>
    <xf numFmtId="0" fontId="5" fillId="0" borderId="15" xfId="0" applyFont="1" applyFill="1" applyBorder="1" applyAlignment="1">
      <alignment horizontal="center" vertical="center"/>
    </xf>
    <xf numFmtId="0" fontId="0" fillId="0" borderId="10" xfId="0" applyFill="1" applyBorder="1" applyAlignment="1">
      <alignment horizontal="center"/>
    </xf>
    <xf numFmtId="0" fontId="0" fillId="0" borderId="73" xfId="0" applyFill="1" applyBorder="1" applyAlignment="1">
      <alignment horizontal="right"/>
    </xf>
    <xf numFmtId="0" fontId="0" fillId="0" borderId="74" xfId="0" applyFill="1" applyBorder="1" applyAlignment="1">
      <alignment horizontal="right"/>
    </xf>
    <xf numFmtId="0" fontId="0" fillId="0" borderId="68" xfId="0" applyFill="1" applyBorder="1" applyAlignment="1">
      <alignment horizontal="right"/>
    </xf>
    <xf numFmtId="0" fontId="0" fillId="0" borderId="37" xfId="0" applyFill="1" applyBorder="1" applyAlignment="1">
      <alignment horizontal="center"/>
    </xf>
    <xf numFmtId="0" fontId="0" fillId="0" borderId="2" xfId="0" applyFill="1" applyBorder="1" applyAlignment="1">
      <alignment horizontal="center"/>
    </xf>
    <xf numFmtId="0" fontId="0" fillId="0" borderId="38" xfId="0" applyFill="1" applyBorder="1" applyAlignment="1">
      <alignment horizontal="center"/>
    </xf>
    <xf numFmtId="0" fontId="0" fillId="0" borderId="39" xfId="0" applyFill="1" applyBorder="1" applyAlignment="1">
      <alignment horizontal="center"/>
    </xf>
    <xf numFmtId="14" fontId="0" fillId="0" borderId="84" xfId="0" applyNumberFormat="1" applyFill="1" applyBorder="1" applyAlignment="1">
      <alignment horizontal="center" vertical="center"/>
    </xf>
    <xf numFmtId="14" fontId="0" fillId="0" borderId="79" xfId="0" applyNumberFormat="1" applyFill="1" applyBorder="1" applyAlignment="1">
      <alignment horizontal="center" vertical="center"/>
    </xf>
    <xf numFmtId="14" fontId="0" fillId="0" borderId="70" xfId="0" applyNumberFormat="1" applyFill="1" applyBorder="1" applyAlignment="1">
      <alignment horizontal="center" vertical="center"/>
    </xf>
    <xf numFmtId="0" fontId="0" fillId="0" borderId="35" xfId="0" applyFill="1" applyBorder="1" applyAlignment="1">
      <alignment horizontal="center"/>
    </xf>
    <xf numFmtId="0" fontId="0" fillId="0" borderId="40" xfId="0" applyFill="1" applyBorder="1" applyAlignment="1">
      <alignment horizontal="center"/>
    </xf>
    <xf numFmtId="0" fontId="0" fillId="0" borderId="36" xfId="0" applyFill="1" applyBorder="1" applyAlignment="1">
      <alignment horizontal="center"/>
    </xf>
    <xf numFmtId="0" fontId="3" fillId="0" borderId="0" xfId="0" applyFont="1" applyFill="1" applyAlignment="1">
      <alignment horizontal="center" vertical="top"/>
    </xf>
    <xf numFmtId="0" fontId="6" fillId="0" borderId="29" xfId="0" applyFont="1" applyFill="1" applyBorder="1" applyAlignment="1">
      <alignment horizontal="left" vertical="top" wrapText="1"/>
    </xf>
    <xf numFmtId="0" fontId="6" fillId="0" borderId="30" xfId="0" applyFont="1" applyFill="1" applyBorder="1" applyAlignment="1">
      <alignment horizontal="left" vertical="top" wrapText="1"/>
    </xf>
    <xf numFmtId="0" fontId="6" fillId="0" borderId="29" xfId="0" applyFont="1" applyFill="1" applyBorder="1" applyAlignment="1">
      <alignment horizontal="center" vertical="top" wrapText="1"/>
    </xf>
    <xf numFmtId="0" fontId="6" fillId="0" borderId="72" xfId="0" applyFont="1" applyFill="1" applyBorder="1" applyAlignment="1">
      <alignment horizontal="center" vertical="top" wrapText="1"/>
    </xf>
    <xf numFmtId="0" fontId="6" fillId="0" borderId="29" xfId="0" applyFont="1" applyFill="1" applyBorder="1" applyAlignment="1">
      <alignment horizontal="left" vertical="top"/>
    </xf>
    <xf numFmtId="0" fontId="6" fillId="0" borderId="30" xfId="0" applyFont="1" applyFill="1" applyBorder="1" applyAlignment="1">
      <alignment horizontal="left" vertical="top"/>
    </xf>
    <xf numFmtId="0" fontId="6" fillId="0" borderId="61" xfId="0" applyFont="1" applyFill="1" applyBorder="1" applyAlignment="1">
      <alignment horizontal="left" vertical="top"/>
    </xf>
    <xf numFmtId="0" fontId="6" fillId="0" borderId="7" xfId="0" applyFont="1" applyFill="1" applyBorder="1" applyAlignment="1">
      <alignment horizontal="center" vertical="center" wrapText="1"/>
    </xf>
    <xf numFmtId="0" fontId="6" fillId="0" borderId="12" xfId="0" applyFont="1" applyFill="1" applyBorder="1" applyAlignment="1">
      <alignment horizontal="center" vertical="center" wrapText="1"/>
    </xf>
    <xf numFmtId="0" fontId="0" fillId="0" borderId="7" xfId="0" applyFont="1" applyFill="1" applyBorder="1" applyAlignment="1">
      <alignment horizontal="center" vertical="center" wrapText="1"/>
    </xf>
    <xf numFmtId="0" fontId="0" fillId="0" borderId="8" xfId="0" applyFont="1" applyFill="1" applyBorder="1" applyAlignment="1">
      <alignment horizontal="center" vertical="center" wrapText="1"/>
    </xf>
    <xf numFmtId="0" fontId="0" fillId="0" borderId="32" xfId="0" applyFont="1" applyFill="1" applyBorder="1" applyAlignment="1">
      <alignment horizontal="center" vertical="center"/>
    </xf>
    <xf numFmtId="0" fontId="2" fillId="0" borderId="12" xfId="0" applyFont="1" applyFill="1" applyBorder="1" applyAlignment="1">
      <alignment horizontal="left" vertical="center" wrapText="1"/>
    </xf>
    <xf numFmtId="0" fontId="2" fillId="0" borderId="8" xfId="0" applyFont="1" applyFill="1" applyBorder="1" applyAlignment="1">
      <alignment horizontal="left" vertical="center" wrapText="1"/>
    </xf>
    <xf numFmtId="0" fontId="30" fillId="0" borderId="9" xfId="0" applyFont="1" applyFill="1" applyBorder="1" applyAlignment="1">
      <alignment horizontal="center" vertical="center"/>
    </xf>
    <xf numFmtId="0" fontId="30" fillId="0" borderId="10" xfId="0" applyFont="1" applyFill="1" applyBorder="1" applyAlignment="1">
      <alignment horizontal="center" vertical="center"/>
    </xf>
    <xf numFmtId="0" fontId="30" fillId="0" borderId="35" xfId="0" applyFont="1" applyFill="1" applyBorder="1" applyAlignment="1">
      <alignment horizontal="center" vertical="center"/>
    </xf>
    <xf numFmtId="0" fontId="31" fillId="0" borderId="36" xfId="0" applyFont="1" applyFill="1" applyBorder="1" applyAlignment="1">
      <alignment horizontal="center" vertical="center"/>
    </xf>
    <xf numFmtId="0" fontId="9" fillId="0" borderId="13" xfId="0" applyFont="1" applyFill="1" applyBorder="1" applyAlignment="1">
      <alignment horizontal="left" vertical="center" wrapText="1"/>
    </xf>
    <xf numFmtId="0" fontId="9" fillId="0" borderId="14" xfId="0" applyFont="1" applyFill="1" applyBorder="1" applyAlignment="1">
      <alignment horizontal="left" vertical="center" wrapText="1"/>
    </xf>
    <xf numFmtId="0" fontId="9" fillId="0" borderId="71" xfId="0" applyFont="1" applyFill="1" applyBorder="1" applyAlignment="1">
      <alignment horizontal="left" vertical="center" wrapText="1"/>
    </xf>
    <xf numFmtId="0" fontId="0" fillId="0" borderId="33" xfId="0" applyFill="1" applyBorder="1" applyAlignment="1">
      <alignment horizontal="center" vertical="center"/>
    </xf>
    <xf numFmtId="0" fontId="0" fillId="0" borderId="11" xfId="0" applyFill="1" applyBorder="1" applyAlignment="1">
      <alignment horizontal="center" vertical="center"/>
    </xf>
    <xf numFmtId="0" fontId="0" fillId="0" borderId="76" xfId="0" applyFill="1" applyBorder="1" applyAlignment="1">
      <alignment horizontal="center" vertical="center"/>
    </xf>
    <xf numFmtId="0" fontId="0" fillId="0" borderId="0" xfId="0" applyFill="1" applyBorder="1" applyAlignment="1">
      <alignment horizontal="center" vertical="center"/>
    </xf>
    <xf numFmtId="0" fontId="0" fillId="0" borderId="75" xfId="0" applyFill="1" applyBorder="1" applyAlignment="1">
      <alignment horizontal="center" vertical="center"/>
    </xf>
    <xf numFmtId="0" fontId="0" fillId="0" borderId="34" xfId="0" applyFill="1" applyBorder="1" applyAlignment="1">
      <alignment horizontal="center" vertical="center"/>
    </xf>
    <xf numFmtId="0" fontId="0" fillId="0" borderId="12" xfId="0" applyFill="1" applyBorder="1" applyAlignment="1">
      <alignment horizontal="center" vertical="center"/>
    </xf>
    <xf numFmtId="0" fontId="0" fillId="0" borderId="8" xfId="0" applyFill="1" applyBorder="1" applyAlignment="1">
      <alignment horizontal="center" vertical="center"/>
    </xf>
    <xf numFmtId="0" fontId="0" fillId="0" borderId="31" xfId="0" applyFill="1" applyBorder="1" applyAlignment="1">
      <alignment horizontal="center" vertical="center"/>
    </xf>
    <xf numFmtId="0" fontId="0" fillId="0" borderId="7" xfId="0" applyFill="1" applyBorder="1" applyAlignment="1">
      <alignment horizontal="center" vertical="center"/>
    </xf>
    <xf numFmtId="0" fontId="6" fillId="0" borderId="9" xfId="0" applyFont="1" applyFill="1" applyBorder="1" applyAlignment="1">
      <alignment horizontal="center" vertical="center" wrapText="1"/>
    </xf>
    <xf numFmtId="0" fontId="6" fillId="0" borderId="4" xfId="0" applyFont="1" applyFill="1" applyBorder="1" applyAlignment="1">
      <alignment horizontal="center" vertical="center" wrapText="1"/>
    </xf>
    <xf numFmtId="0" fontId="6" fillId="0" borderId="10" xfId="0" applyFont="1" applyFill="1" applyBorder="1" applyAlignment="1">
      <alignment horizontal="center" vertical="center" wrapText="1"/>
    </xf>
    <xf numFmtId="0" fontId="6" fillId="0" borderId="35" xfId="0" applyFont="1" applyFill="1" applyBorder="1" applyAlignment="1">
      <alignment horizontal="center" vertical="center" wrapText="1"/>
    </xf>
    <xf numFmtId="0" fontId="6" fillId="0" borderId="40" xfId="0" applyFont="1" applyFill="1" applyBorder="1" applyAlignment="1">
      <alignment horizontal="center" vertical="center" wrapText="1"/>
    </xf>
    <xf numFmtId="0" fontId="6" fillId="0" borderId="36" xfId="0" applyFont="1" applyFill="1" applyBorder="1" applyAlignment="1">
      <alignment horizontal="center" vertical="center" wrapText="1"/>
    </xf>
    <xf numFmtId="0" fontId="10" fillId="0" borderId="82" xfId="0" applyFont="1" applyFill="1" applyBorder="1" applyAlignment="1">
      <alignment horizontal="left" vertical="center" wrapText="1"/>
    </xf>
    <xf numFmtId="0" fontId="10" fillId="0" borderId="83" xfId="0" applyFont="1" applyFill="1" applyBorder="1" applyAlignment="1">
      <alignment horizontal="left" vertical="center" wrapText="1"/>
    </xf>
    <xf numFmtId="0" fontId="10" fillId="0" borderId="0" xfId="0" applyFont="1" applyFill="1" applyBorder="1" applyAlignment="1">
      <alignment horizontal="left" vertical="center" wrapText="1"/>
    </xf>
    <xf numFmtId="0" fontId="10" fillId="0" borderId="75" xfId="0" applyFont="1" applyFill="1" applyBorder="1" applyAlignment="1">
      <alignment horizontal="left" vertical="center" wrapText="1"/>
    </xf>
    <xf numFmtId="0" fontId="31" fillId="0" borderId="30" xfId="0" applyFont="1" applyFill="1" applyBorder="1" applyAlignment="1">
      <alignment horizontal="center" vertical="center" wrapText="1"/>
    </xf>
    <xf numFmtId="0" fontId="31" fillId="0" borderId="72" xfId="0" applyFont="1" applyFill="1" applyBorder="1" applyAlignment="1">
      <alignment horizontal="center" vertical="center" wrapText="1"/>
    </xf>
    <xf numFmtId="0" fontId="31" fillId="0" borderId="0" xfId="0" applyFont="1" applyFill="1" applyBorder="1" applyAlignment="1">
      <alignment horizontal="center" vertical="center" wrapText="1"/>
    </xf>
    <xf numFmtId="0" fontId="31" fillId="0" borderId="75" xfId="0" applyFont="1" applyFill="1" applyBorder="1" applyAlignment="1">
      <alignment horizontal="center" vertical="center" wrapText="1"/>
    </xf>
    <xf numFmtId="0" fontId="17" fillId="0" borderId="3" xfId="0" applyFont="1" applyBorder="1" applyAlignment="1">
      <alignment vertical="top"/>
    </xf>
    <xf numFmtId="0" fontId="17" fillId="0" borderId="3" xfId="0" applyFont="1" applyBorder="1" applyAlignment="1"/>
    <xf numFmtId="0" fontId="25" fillId="0" borderId="0" xfId="0" applyFont="1" applyAlignment="1">
      <alignment horizontal="center"/>
    </xf>
    <xf numFmtId="0" fontId="17" fillId="0" borderId="13" xfId="0" applyFont="1" applyBorder="1" applyAlignment="1">
      <alignment horizontal="right" vertical="center"/>
    </xf>
    <xf numFmtId="0" fontId="17" fillId="0" borderId="15" xfId="0" applyFont="1" applyBorder="1" applyAlignment="1">
      <alignment horizontal="right" vertical="center"/>
    </xf>
    <xf numFmtId="0" fontId="20" fillId="0" borderId="0" xfId="0" applyFont="1" applyAlignment="1">
      <alignment horizontal="center"/>
    </xf>
    <xf numFmtId="49" fontId="37" fillId="0" borderId="47" xfId="0" applyNumberFormat="1" applyFont="1" applyBorder="1" applyAlignment="1">
      <alignment horizontal="center" vertical="top"/>
    </xf>
    <xf numFmtId="49" fontId="37" fillId="0" borderId="26" xfId="0" applyNumberFormat="1" applyFont="1" applyBorder="1" applyAlignment="1">
      <alignment horizontal="center" vertical="top"/>
    </xf>
    <xf numFmtId="49" fontId="37" fillId="4" borderId="105" xfId="0" applyNumberFormat="1" applyFont="1" applyFill="1" applyBorder="1" applyAlignment="1">
      <alignment horizontal="left" vertical="top"/>
    </xf>
    <xf numFmtId="49" fontId="37" fillId="4" borderId="106" xfId="0" applyNumberFormat="1" applyFont="1" applyFill="1" applyBorder="1" applyAlignment="1">
      <alignment horizontal="left" vertical="top"/>
    </xf>
    <xf numFmtId="0" fontId="37" fillId="4" borderId="107" xfId="0" applyFont="1" applyFill="1" applyBorder="1" applyAlignment="1">
      <alignment horizontal="left" vertical="top"/>
    </xf>
    <xf numFmtId="49" fontId="37" fillId="0" borderId="28" xfId="0" applyNumberFormat="1" applyFont="1" applyBorder="1" applyAlignment="1">
      <alignment horizontal="center" vertical="top"/>
    </xf>
    <xf numFmtId="0" fontId="37" fillId="4" borderId="105" xfId="0" applyFont="1" applyFill="1" applyBorder="1" applyAlignment="1">
      <alignment horizontal="left" vertical="top"/>
    </xf>
    <xf numFmtId="0" fontId="37" fillId="4" borderId="106" xfId="0" applyFont="1" applyFill="1" applyBorder="1" applyAlignment="1">
      <alignment horizontal="left" vertical="top"/>
    </xf>
    <xf numFmtId="0" fontId="0" fillId="2" borderId="13" xfId="0" applyFont="1" applyFill="1" applyBorder="1" applyAlignment="1">
      <alignment horizontal="left" vertical="center"/>
    </xf>
    <xf numFmtId="0" fontId="0" fillId="2" borderId="14" xfId="0" applyFont="1" applyFill="1" applyBorder="1" applyAlignment="1">
      <alignment horizontal="left" vertical="center"/>
    </xf>
    <xf numFmtId="0" fontId="0" fillId="2" borderId="15" xfId="0" applyFont="1" applyFill="1" applyBorder="1" applyAlignment="1">
      <alignment horizontal="left" vertical="center"/>
    </xf>
    <xf numFmtId="0" fontId="8" fillId="2" borderId="13" xfId="0" applyFont="1" applyFill="1" applyBorder="1" applyAlignment="1">
      <alignment horizontal="center" vertical="center"/>
    </xf>
    <xf numFmtId="0" fontId="8" fillId="2" borderId="15" xfId="0" applyFont="1" applyFill="1" applyBorder="1" applyAlignment="1">
      <alignment horizontal="center" vertical="center"/>
    </xf>
    <xf numFmtId="0" fontId="9" fillId="2" borderId="3" xfId="0" applyFont="1" applyFill="1" applyBorder="1" applyAlignment="1">
      <alignment horizontal="center" vertical="center" wrapText="1"/>
    </xf>
    <xf numFmtId="0" fontId="0" fillId="2" borderId="3" xfId="0" applyFont="1" applyFill="1" applyBorder="1" applyAlignment="1">
      <alignment horizontal="center" vertical="center"/>
    </xf>
    <xf numFmtId="0" fontId="0" fillId="3" borderId="13" xfId="0" applyFont="1" applyFill="1" applyBorder="1" applyAlignment="1">
      <alignment horizontal="left" vertical="center"/>
    </xf>
    <xf numFmtId="0" fontId="0" fillId="3" borderId="14" xfId="0" applyFont="1" applyFill="1" applyBorder="1" applyAlignment="1">
      <alignment horizontal="left" vertical="center"/>
    </xf>
    <xf numFmtId="0" fontId="0" fillId="3" borderId="15" xfId="0" applyFont="1" applyFill="1" applyBorder="1" applyAlignment="1">
      <alignment horizontal="left" vertical="center"/>
    </xf>
    <xf numFmtId="0" fontId="7" fillId="0" borderId="0" xfId="0" applyFont="1" applyFill="1" applyBorder="1" applyAlignment="1">
      <alignment horizontal="center" vertical="center"/>
    </xf>
    <xf numFmtId="0" fontId="0" fillId="0" borderId="85" xfId="0" applyFont="1" applyFill="1" applyBorder="1" applyAlignment="1">
      <alignment horizontal="center" vertical="center"/>
    </xf>
    <xf numFmtId="0" fontId="0" fillId="0" borderId="86" xfId="0" applyFont="1" applyFill="1" applyBorder="1" applyAlignment="1">
      <alignment horizontal="center" vertical="center"/>
    </xf>
    <xf numFmtId="0" fontId="6" fillId="0" borderId="25" xfId="0" applyFont="1" applyFill="1" applyBorder="1" applyAlignment="1">
      <alignment horizontal="center" vertical="center" wrapText="1"/>
    </xf>
    <xf numFmtId="0" fontId="6" fillId="0" borderId="25" xfId="0" applyFont="1" applyFill="1" applyBorder="1" applyAlignment="1">
      <alignment horizontal="center" vertical="center"/>
    </xf>
    <xf numFmtId="0" fontId="6" fillId="0" borderId="87" xfId="0" applyFont="1" applyFill="1" applyBorder="1" applyAlignment="1">
      <alignment horizontal="center" vertical="center"/>
    </xf>
    <xf numFmtId="0" fontId="8" fillId="2" borderId="88" xfId="0" applyFont="1" applyFill="1" applyBorder="1" applyAlignment="1">
      <alignment horizontal="center" vertical="center"/>
    </xf>
    <xf numFmtId="0" fontId="0" fillId="2" borderId="89" xfId="0" applyFont="1" applyFill="1" applyBorder="1" applyAlignment="1">
      <alignment horizontal="center" vertical="center"/>
    </xf>
    <xf numFmtId="0" fontId="0" fillId="0" borderId="90" xfId="0" applyFont="1" applyFill="1" applyBorder="1" applyAlignment="1">
      <alignment horizontal="center" vertical="center"/>
    </xf>
    <xf numFmtId="0" fontId="0" fillId="0" borderId="92" xfId="0" applyFont="1" applyFill="1" applyBorder="1" applyAlignment="1">
      <alignment horizontal="center" vertical="center"/>
    </xf>
    <xf numFmtId="0" fontId="9" fillId="0" borderId="91" xfId="0" applyFont="1" applyFill="1" applyBorder="1" applyAlignment="1">
      <alignment horizontal="center" vertical="center" textRotation="255" wrapText="1"/>
    </xf>
    <xf numFmtId="0" fontId="0" fillId="0" borderId="93" xfId="0" applyFont="1" applyFill="1" applyBorder="1"/>
    <xf numFmtId="0" fontId="0" fillId="0" borderId="53" xfId="0" applyFont="1" applyFill="1" applyBorder="1" applyAlignment="1">
      <alignment horizontal="left" vertical="center"/>
    </xf>
    <xf numFmtId="0" fontId="0" fillId="0" borderId="54" xfId="0" applyFont="1" applyFill="1" applyBorder="1" applyAlignment="1">
      <alignment horizontal="left" vertical="center"/>
    </xf>
    <xf numFmtId="0" fontId="0" fillId="0" borderId="96" xfId="0" applyFont="1" applyFill="1" applyBorder="1" applyAlignment="1">
      <alignment horizontal="left" vertical="center"/>
    </xf>
    <xf numFmtId="0" fontId="21" fillId="0" borderId="21" xfId="0" applyFont="1" applyBorder="1" applyAlignment="1">
      <alignment horizontal="center" vertical="center"/>
    </xf>
    <xf numFmtId="0" fontId="21" fillId="2" borderId="18" xfId="0" applyFont="1" applyFill="1" applyBorder="1" applyAlignment="1">
      <alignment horizontal="center" vertical="center"/>
    </xf>
    <xf numFmtId="0" fontId="21" fillId="2" borderId="21" xfId="0" applyFont="1" applyFill="1" applyBorder="1" applyAlignment="1">
      <alignment horizontal="center" vertical="center"/>
    </xf>
    <xf numFmtId="0" fontId="21" fillId="2" borderId="19" xfId="0" applyFont="1" applyFill="1" applyBorder="1" applyAlignment="1">
      <alignment horizontal="center" vertical="center"/>
    </xf>
    <xf numFmtId="0" fontId="21" fillId="2" borderId="16" xfId="0" applyFont="1" applyFill="1" applyBorder="1" applyAlignment="1">
      <alignment horizontal="center" vertical="center"/>
    </xf>
    <xf numFmtId="0" fontId="21" fillId="2" borderId="23" xfId="0" applyFont="1" applyFill="1" applyBorder="1" applyAlignment="1">
      <alignment horizontal="center" vertical="center"/>
    </xf>
    <xf numFmtId="0" fontId="21" fillId="2" borderId="24" xfId="0" applyFont="1" applyFill="1" applyBorder="1" applyAlignment="1">
      <alignment horizontal="center" vertical="center"/>
    </xf>
    <xf numFmtId="0" fontId="21" fillId="2" borderId="13" xfId="0" applyFont="1" applyFill="1" applyBorder="1" applyAlignment="1">
      <alignment horizontal="center" vertical="center"/>
    </xf>
    <xf numFmtId="0" fontId="21" fillId="2" borderId="15" xfId="0" applyFont="1" applyFill="1" applyBorder="1" applyAlignment="1">
      <alignment horizontal="center" vertical="center"/>
    </xf>
    <xf numFmtId="0" fontId="17" fillId="2" borderId="13" xfId="0" applyFont="1" applyFill="1" applyBorder="1" applyAlignment="1">
      <alignment horizontal="center" vertical="center"/>
    </xf>
    <xf numFmtId="0" fontId="17" fillId="2" borderId="14" xfId="0" applyFont="1" applyFill="1" applyBorder="1" applyAlignment="1">
      <alignment horizontal="center" vertical="center"/>
    </xf>
    <xf numFmtId="0" fontId="17" fillId="2" borderId="15" xfId="0" applyFont="1" applyFill="1" applyBorder="1" applyAlignment="1">
      <alignment horizontal="center" vertical="center"/>
    </xf>
    <xf numFmtId="0" fontId="21" fillId="2" borderId="1" xfId="0" applyFont="1" applyFill="1" applyBorder="1" applyAlignment="1">
      <alignment horizontal="center" vertical="center"/>
    </xf>
    <xf numFmtId="0" fontId="21" fillId="2" borderId="18" xfId="0" applyFont="1" applyFill="1" applyBorder="1" applyAlignment="1">
      <alignment horizontal="right" vertical="center"/>
    </xf>
    <xf numFmtId="0" fontId="21" fillId="2" borderId="19" xfId="0" applyFont="1" applyFill="1" applyBorder="1" applyAlignment="1">
      <alignment horizontal="right" vertical="center"/>
    </xf>
    <xf numFmtId="176" fontId="0" fillId="2" borderId="33" xfId="0" applyNumberFormat="1" applyFill="1" applyBorder="1" applyAlignment="1">
      <alignment horizontal="center" vertical="center"/>
    </xf>
    <xf numFmtId="176" fontId="0" fillId="2" borderId="11" xfId="0" applyNumberFormat="1" applyFill="1" applyBorder="1" applyAlignment="1">
      <alignment horizontal="center" vertical="center"/>
    </xf>
    <xf numFmtId="176" fontId="0" fillId="2" borderId="6" xfId="0" applyNumberFormat="1" applyFill="1" applyBorder="1" applyAlignment="1">
      <alignment horizontal="center" vertical="center"/>
    </xf>
    <xf numFmtId="176" fontId="0" fillId="2" borderId="34" xfId="0" applyNumberFormat="1" applyFill="1" applyBorder="1" applyAlignment="1">
      <alignment horizontal="center" vertical="center"/>
    </xf>
    <xf numFmtId="176" fontId="0" fillId="2" borderId="12" xfId="0" applyNumberFormat="1" applyFill="1" applyBorder="1" applyAlignment="1">
      <alignment horizontal="center" vertical="center"/>
    </xf>
    <xf numFmtId="176" fontId="0" fillId="2" borderId="8" xfId="0" applyNumberFormat="1" applyFill="1" applyBorder="1" applyAlignment="1">
      <alignment horizontal="center" vertical="center"/>
    </xf>
    <xf numFmtId="0" fontId="5" fillId="2" borderId="5" xfId="0" applyFont="1" applyFill="1" applyBorder="1" applyAlignment="1">
      <alignment horizontal="right" vertical="center"/>
    </xf>
    <xf numFmtId="0" fontId="5" fillId="2" borderId="11" xfId="0" applyFont="1" applyFill="1" applyBorder="1" applyAlignment="1">
      <alignment horizontal="right" vertical="center"/>
    </xf>
    <xf numFmtId="0" fontId="5" fillId="2" borderId="7" xfId="0" applyFont="1" applyFill="1" applyBorder="1" applyAlignment="1">
      <alignment horizontal="right" vertical="center"/>
    </xf>
    <xf numFmtId="0" fontId="5" fillId="2" borderId="12" xfId="0" applyFont="1" applyFill="1" applyBorder="1" applyAlignment="1">
      <alignment horizontal="right" vertical="center"/>
    </xf>
    <xf numFmtId="0" fontId="5" fillId="2" borderId="6" xfId="0" applyFont="1" applyFill="1" applyBorder="1" applyAlignment="1">
      <alignment horizontal="center" vertical="center"/>
    </xf>
    <xf numFmtId="0" fontId="5" fillId="2" borderId="8" xfId="0" applyFont="1" applyFill="1" applyBorder="1" applyAlignment="1">
      <alignment horizontal="center" vertical="center"/>
    </xf>
    <xf numFmtId="0" fontId="5" fillId="2" borderId="13" xfId="0" applyFont="1" applyFill="1" applyBorder="1" applyAlignment="1">
      <alignment horizontal="center" vertical="center"/>
    </xf>
    <xf numFmtId="0" fontId="5" fillId="2" borderId="15" xfId="0" applyFont="1" applyFill="1" applyBorder="1" applyAlignment="1">
      <alignment horizontal="center" vertical="center"/>
    </xf>
    <xf numFmtId="0" fontId="10" fillId="0" borderId="100" xfId="0" applyFont="1" applyFill="1" applyBorder="1" applyAlignment="1">
      <alignment horizontal="center" vertical="center" wrapText="1"/>
    </xf>
    <xf numFmtId="0" fontId="10" fillId="0" borderId="15" xfId="0" applyFont="1" applyFill="1" applyBorder="1" applyAlignment="1">
      <alignment horizontal="center" vertical="center" wrapText="1"/>
    </xf>
    <xf numFmtId="0" fontId="5" fillId="0" borderId="13" xfId="0" applyFont="1" applyFill="1" applyBorder="1" applyAlignment="1">
      <alignment horizontal="center" vertical="center" wrapText="1"/>
    </xf>
    <xf numFmtId="0" fontId="5" fillId="0" borderId="15" xfId="0" applyFont="1" applyFill="1" applyBorder="1" applyAlignment="1">
      <alignment horizontal="center" vertical="center" wrapText="1"/>
    </xf>
    <xf numFmtId="0" fontId="30" fillId="2" borderId="9" xfId="0" applyFont="1" applyFill="1" applyBorder="1" applyAlignment="1">
      <alignment horizontal="center" vertical="center"/>
    </xf>
    <xf numFmtId="0" fontId="30" fillId="2" borderId="10" xfId="0" applyFont="1" applyFill="1" applyBorder="1" applyAlignment="1">
      <alignment horizontal="center" vertical="center"/>
    </xf>
    <xf numFmtId="0" fontId="30" fillId="2" borderId="35" xfId="0" applyFont="1" applyFill="1" applyBorder="1" applyAlignment="1">
      <alignment horizontal="center" vertical="center"/>
    </xf>
    <xf numFmtId="0" fontId="31" fillId="2" borderId="36" xfId="0" applyFont="1" applyFill="1" applyBorder="1" applyAlignment="1">
      <alignment horizontal="center" vertical="center"/>
    </xf>
    <xf numFmtId="49" fontId="5" fillId="2" borderId="64" xfId="0" applyNumberFormat="1" applyFont="1" applyFill="1" applyBorder="1" applyAlignment="1">
      <alignment horizontal="center" vertical="center"/>
    </xf>
    <xf numFmtId="49" fontId="5" fillId="2" borderId="77" xfId="0" applyNumberFormat="1" applyFont="1" applyFill="1" applyBorder="1" applyAlignment="1">
      <alignment horizontal="center" vertical="center"/>
    </xf>
    <xf numFmtId="49" fontId="5" fillId="2" borderId="65" xfId="0" applyNumberFormat="1" applyFont="1" applyFill="1" applyBorder="1" applyAlignment="1">
      <alignment horizontal="center" vertical="center"/>
    </xf>
    <xf numFmtId="0" fontId="31" fillId="2" borderId="30" xfId="0" applyFont="1" applyFill="1" applyBorder="1" applyAlignment="1">
      <alignment horizontal="center" vertical="center" wrapText="1"/>
    </xf>
    <xf numFmtId="0" fontId="31" fillId="2" borderId="72" xfId="0" applyFont="1" applyFill="1" applyBorder="1" applyAlignment="1">
      <alignment horizontal="center" vertical="center" wrapText="1"/>
    </xf>
    <xf numFmtId="0" fontId="31" fillId="2" borderId="0" xfId="0" applyFont="1" applyFill="1" applyBorder="1" applyAlignment="1">
      <alignment horizontal="center" vertical="center" wrapText="1"/>
    </xf>
    <xf numFmtId="0" fontId="31" fillId="2" borderId="75" xfId="0" applyFont="1" applyFill="1" applyBorder="1" applyAlignment="1">
      <alignment horizontal="center" vertical="center" wrapText="1"/>
    </xf>
    <xf numFmtId="0" fontId="6" fillId="2" borderId="7" xfId="0" applyFont="1" applyFill="1" applyBorder="1" applyAlignment="1">
      <alignment horizontal="center" vertical="center" wrapText="1"/>
    </xf>
    <xf numFmtId="0" fontId="6" fillId="2" borderId="12" xfId="0" applyFont="1" applyFill="1" applyBorder="1" applyAlignment="1">
      <alignment horizontal="center" vertical="center" wrapText="1"/>
    </xf>
    <xf numFmtId="0" fontId="0" fillId="2" borderId="7" xfId="0" applyFont="1" applyFill="1" applyBorder="1" applyAlignment="1">
      <alignment horizontal="center" vertical="center" wrapText="1"/>
    </xf>
    <xf numFmtId="0" fontId="0" fillId="2" borderId="8" xfId="0" applyFont="1" applyFill="1" applyBorder="1" applyAlignment="1">
      <alignment horizontal="center" vertical="center" wrapText="1"/>
    </xf>
    <xf numFmtId="0" fontId="0" fillId="2" borderId="7" xfId="0" applyFont="1" applyFill="1" applyBorder="1" applyAlignment="1">
      <alignment horizontal="center" vertical="center"/>
    </xf>
    <xf numFmtId="0" fontId="0" fillId="2" borderId="12" xfId="0" applyFont="1" applyFill="1" applyBorder="1" applyAlignment="1">
      <alignment horizontal="center" vertical="center"/>
    </xf>
    <xf numFmtId="0" fontId="0" fillId="2" borderId="32" xfId="0" applyFont="1" applyFill="1" applyBorder="1" applyAlignment="1">
      <alignment horizontal="center" vertical="center"/>
    </xf>
  </cellXfs>
  <cellStyles count="3">
    <cellStyle name="標準" xfId="0" builtinId="0"/>
    <cellStyle name="標準 2" xfId="1"/>
    <cellStyle name="標準 3" xfId="2"/>
  </cellStyles>
  <dxfs count="0"/>
  <tableStyles count="0" defaultTableStyle="TableStyleMedium9" defaultPivotStyle="PivotStyleLight16"/>
  <colors>
    <mruColors>
      <color rgb="FFCCFFCC"/>
      <color rgb="FFFFFFCC"/>
      <color rgb="FFFFCC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1</xdr:col>
      <xdr:colOff>66674</xdr:colOff>
      <xdr:row>8</xdr:row>
      <xdr:rowOff>28576</xdr:rowOff>
    </xdr:from>
    <xdr:to>
      <xdr:col>4</xdr:col>
      <xdr:colOff>38100</xdr:colOff>
      <xdr:row>9</xdr:row>
      <xdr:rowOff>85726</xdr:rowOff>
    </xdr:to>
    <xdr:sp macro="" textlink="">
      <xdr:nvSpPr>
        <xdr:cNvPr id="2" name="テキスト ボックス 1"/>
        <xdr:cNvSpPr txBox="1"/>
      </xdr:nvSpPr>
      <xdr:spPr>
        <a:xfrm>
          <a:off x="1466849" y="3114676"/>
          <a:ext cx="2914651" cy="43815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600" b="1"/>
            <a:t>量は○○</a:t>
          </a:r>
          <a:r>
            <a:rPr kumimoji="1" lang="en-US" altLang="ja-JP" sz="1600" b="1"/>
            <a:t>g</a:t>
          </a:r>
          <a:r>
            <a:rPr kumimoji="1" lang="ja-JP" altLang="en-US" sz="1600" b="1"/>
            <a:t>又は○○</a:t>
          </a:r>
          <a:r>
            <a:rPr kumimoji="1" lang="en-US" altLang="ja-JP" sz="1600" b="1"/>
            <a:t>ml</a:t>
          </a:r>
          <a:r>
            <a:rPr kumimoji="1" lang="ja-JP" altLang="en-US" sz="1600" b="1"/>
            <a:t>で入力</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1400173</xdr:colOff>
      <xdr:row>10</xdr:row>
      <xdr:rowOff>228600</xdr:rowOff>
    </xdr:from>
    <xdr:to>
      <xdr:col>8</xdr:col>
      <xdr:colOff>466724</xdr:colOff>
      <xdr:row>12</xdr:row>
      <xdr:rowOff>323850</xdr:rowOff>
    </xdr:to>
    <xdr:sp macro="" textlink="">
      <xdr:nvSpPr>
        <xdr:cNvPr id="2" name="テキスト ボックス 1"/>
        <xdr:cNvSpPr txBox="1"/>
      </xdr:nvSpPr>
      <xdr:spPr>
        <a:xfrm>
          <a:off x="1400173" y="4076700"/>
          <a:ext cx="5962651" cy="85725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800" b="1"/>
            <a:t>使用量等は　ｇ　或いは　</a:t>
          </a:r>
          <a:r>
            <a:rPr kumimoji="1" lang="en-US" altLang="ja-JP" sz="1800" b="1"/>
            <a:t>ml</a:t>
          </a:r>
          <a:r>
            <a:rPr kumimoji="1" lang="ja-JP" altLang="en-US" sz="1800" b="1"/>
            <a:t>として入力。</a:t>
          </a:r>
          <a:endParaRPr kumimoji="1" lang="en-US" altLang="ja-JP" sz="1800" b="1"/>
        </a:p>
        <a:p>
          <a:r>
            <a:rPr kumimoji="1" lang="ja-JP" altLang="en-US" sz="1800" b="1"/>
            <a:t>但し、天秤等が無い場合は割合表示（例えば</a:t>
          </a:r>
          <a:r>
            <a:rPr kumimoji="1" lang="en-US" altLang="ja-JP" sz="1800" b="1"/>
            <a:t>1/5</a:t>
          </a:r>
          <a:r>
            <a:rPr kumimoji="1" lang="ja-JP" altLang="en-US" sz="1800" b="1"/>
            <a:t>）でも可</a:t>
          </a:r>
          <a:endParaRPr kumimoji="1" lang="en-US" altLang="ja-JP" sz="1800" b="1"/>
        </a:p>
        <a:p>
          <a:endParaRPr kumimoji="1" lang="ja-JP" altLang="en-US" sz="1800" b="1"/>
        </a:p>
      </xdr:txBody>
    </xdr:sp>
    <xdr:clientData/>
  </xdr:twoCellAnchor>
  <xdr:twoCellAnchor>
    <xdr:from>
      <xdr:col>12</xdr:col>
      <xdr:colOff>238124</xdr:colOff>
      <xdr:row>7</xdr:row>
      <xdr:rowOff>76200</xdr:rowOff>
    </xdr:from>
    <xdr:to>
      <xdr:col>17</xdr:col>
      <xdr:colOff>28574</xdr:colOff>
      <xdr:row>10</xdr:row>
      <xdr:rowOff>285750</xdr:rowOff>
    </xdr:to>
    <xdr:sp macro="" textlink="">
      <xdr:nvSpPr>
        <xdr:cNvPr id="8" name="テキスト ボックス 7"/>
        <xdr:cNvSpPr txBox="1"/>
      </xdr:nvSpPr>
      <xdr:spPr>
        <a:xfrm>
          <a:off x="10229849" y="2781300"/>
          <a:ext cx="4048125" cy="135255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800" b="1"/>
            <a:t>使用量等は　ｇ　又は　</a:t>
          </a:r>
          <a:r>
            <a:rPr kumimoji="1" lang="en-US" altLang="ja-JP" sz="1800" b="1"/>
            <a:t>ml</a:t>
          </a:r>
          <a:r>
            <a:rPr kumimoji="1" lang="ja-JP" altLang="en-US" sz="1800" b="1"/>
            <a:t>として入力。</a:t>
          </a:r>
          <a:endParaRPr kumimoji="1" lang="en-US" altLang="ja-JP" sz="1800" b="1"/>
        </a:p>
        <a:p>
          <a:r>
            <a:rPr kumimoji="1" lang="ja-JP" altLang="en-US" sz="1800" b="1"/>
            <a:t>但し、天秤等が無い場合は割合表示（例えば</a:t>
          </a:r>
          <a:r>
            <a:rPr kumimoji="1" lang="en-US" altLang="ja-JP" sz="1800" b="1"/>
            <a:t>1/5</a:t>
          </a:r>
          <a:r>
            <a:rPr kumimoji="1" lang="ja-JP" altLang="en-US" sz="1800" b="1"/>
            <a:t>）でも可</a:t>
          </a:r>
          <a:endParaRPr kumimoji="1" lang="en-US" altLang="ja-JP" sz="1800" b="1"/>
        </a:p>
        <a:p>
          <a:endParaRPr kumimoji="1" lang="ja-JP" altLang="en-US" sz="1800" b="1"/>
        </a:p>
      </xdr:txBody>
    </xdr:sp>
    <xdr:clientData/>
  </xdr:twoCellAnchor>
  <xdr:twoCellAnchor>
    <xdr:from>
      <xdr:col>0</xdr:col>
      <xdr:colOff>1352549</xdr:colOff>
      <xdr:row>20</xdr:row>
      <xdr:rowOff>95250</xdr:rowOff>
    </xdr:from>
    <xdr:to>
      <xdr:col>7</xdr:col>
      <xdr:colOff>161925</xdr:colOff>
      <xdr:row>23</xdr:row>
      <xdr:rowOff>342900</xdr:rowOff>
    </xdr:to>
    <xdr:sp macro="" textlink="">
      <xdr:nvSpPr>
        <xdr:cNvPr id="6" name="テキスト ボックス 5"/>
        <xdr:cNvSpPr txBox="1"/>
      </xdr:nvSpPr>
      <xdr:spPr>
        <a:xfrm>
          <a:off x="1352549" y="7753350"/>
          <a:ext cx="5124451" cy="139065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800" b="1"/>
            <a:t>500ml</a:t>
          </a:r>
          <a:r>
            <a:rPr kumimoji="1" lang="ja-JP" altLang="en-US" sz="1800" b="1"/>
            <a:t>　</a:t>
          </a:r>
          <a:r>
            <a:rPr kumimoji="1" lang="en-US" altLang="ja-JP" sz="1800" b="1"/>
            <a:t>3</a:t>
          </a:r>
          <a:r>
            <a:rPr kumimoji="1" lang="ja-JP" altLang="en-US" sz="1800" b="1"/>
            <a:t>本購入。合算量を記入</a:t>
          </a:r>
          <a:endParaRPr kumimoji="1" lang="en-US" altLang="ja-JP" sz="1800" b="1"/>
        </a:p>
        <a:p>
          <a:r>
            <a:rPr kumimoji="1" lang="ja-JP" altLang="en-US" sz="1800" b="1"/>
            <a:t>未開封品</a:t>
          </a:r>
          <a:r>
            <a:rPr kumimoji="1" lang="en-US" altLang="ja-JP" sz="1800" b="1"/>
            <a:t>2</a:t>
          </a:r>
          <a:r>
            <a:rPr kumimoji="1" lang="ja-JP" altLang="en-US" sz="1800" b="1"/>
            <a:t>本、開封品</a:t>
          </a:r>
          <a:r>
            <a:rPr kumimoji="1" lang="en-US" altLang="ja-JP" sz="1800" b="1"/>
            <a:t>250ml</a:t>
          </a:r>
          <a:r>
            <a:rPr kumimoji="1" lang="ja-JP" altLang="en-US" sz="1800" b="1"/>
            <a:t>使用した場合</a:t>
          </a:r>
          <a:endParaRPr kumimoji="1" lang="en-US" altLang="ja-JP" sz="1800" b="1"/>
        </a:p>
        <a:p>
          <a:r>
            <a:rPr kumimoji="1" lang="en-US" altLang="ja-JP" sz="1800" b="1"/>
            <a:t>1250ml</a:t>
          </a:r>
          <a:r>
            <a:rPr kumimoji="1" lang="ja-JP" altLang="en-US" sz="1800" b="1"/>
            <a:t>が残量</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428624</xdr:colOff>
      <xdr:row>15</xdr:row>
      <xdr:rowOff>171451</xdr:rowOff>
    </xdr:from>
    <xdr:to>
      <xdr:col>8</xdr:col>
      <xdr:colOff>266699</xdr:colOff>
      <xdr:row>16</xdr:row>
      <xdr:rowOff>342901</xdr:rowOff>
    </xdr:to>
    <xdr:sp macro="" textlink="">
      <xdr:nvSpPr>
        <xdr:cNvPr id="2" name="角丸四角形吹き出し 1"/>
        <xdr:cNvSpPr/>
      </xdr:nvSpPr>
      <xdr:spPr bwMode="auto">
        <a:xfrm>
          <a:off x="4010024" y="4733926"/>
          <a:ext cx="1552575" cy="552450"/>
        </a:xfrm>
        <a:prstGeom prst="wedgeRoundRectCallout">
          <a:avLst>
            <a:gd name="adj1" fmla="val -55484"/>
            <a:gd name="adj2" fmla="val -95903"/>
            <a:gd name="adj3" fmla="val 16667"/>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r>
            <a:rPr kumimoji="1" lang="en-US" altLang="ja-JP" sz="1100" b="1"/>
            <a:t>500g</a:t>
          </a:r>
          <a:r>
            <a:rPr kumimoji="1" lang="ja-JP" altLang="en-US" sz="1100" b="1"/>
            <a:t>入り未開封品</a:t>
          </a:r>
          <a:r>
            <a:rPr kumimoji="1" lang="en-US" altLang="ja-JP" sz="1100" b="1"/>
            <a:t>2</a:t>
          </a:r>
          <a:r>
            <a:rPr kumimoji="1" lang="ja-JP" altLang="en-US" sz="1100" b="1"/>
            <a:t>本</a:t>
          </a:r>
          <a:endParaRPr kumimoji="1" lang="en-US" altLang="ja-JP" sz="1100" b="1"/>
        </a:p>
        <a:p>
          <a:pPr algn="l"/>
          <a:r>
            <a:rPr kumimoji="1" lang="ja-JP" altLang="en-US" sz="1100" b="1"/>
            <a:t>開封品</a:t>
          </a:r>
          <a:r>
            <a:rPr kumimoji="1" lang="en-US" altLang="ja-JP" sz="1100" b="1"/>
            <a:t>200g</a:t>
          </a:r>
          <a:r>
            <a:rPr kumimoji="1" lang="ja-JP" altLang="en-US" sz="1100" b="1"/>
            <a:t>残の場合</a:t>
          </a:r>
        </a:p>
      </xdr:txBody>
    </xdr:sp>
    <xdr:clientData/>
  </xdr:twoCellAnchor>
  <xdr:twoCellAnchor>
    <xdr:from>
      <xdr:col>6</xdr:col>
      <xdr:colOff>742949</xdr:colOff>
      <xdr:row>6</xdr:row>
      <xdr:rowOff>1</xdr:rowOff>
    </xdr:from>
    <xdr:to>
      <xdr:col>8</xdr:col>
      <xdr:colOff>552450</xdr:colOff>
      <xdr:row>8</xdr:row>
      <xdr:rowOff>200026</xdr:rowOff>
    </xdr:to>
    <xdr:sp macro="" textlink="">
      <xdr:nvSpPr>
        <xdr:cNvPr id="3" name="角丸四角形吹き出し 2"/>
        <xdr:cNvSpPr/>
      </xdr:nvSpPr>
      <xdr:spPr bwMode="auto">
        <a:xfrm>
          <a:off x="4324349" y="1590676"/>
          <a:ext cx="1524001" cy="552450"/>
        </a:xfrm>
        <a:prstGeom prst="wedgeRoundRectCallout">
          <a:avLst>
            <a:gd name="adj1" fmla="val -62232"/>
            <a:gd name="adj2" fmla="val 78235"/>
            <a:gd name="adj3" fmla="val 16667"/>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1100" b="1"/>
            <a:t>毎年</a:t>
          </a:r>
          <a:r>
            <a:rPr kumimoji="1" lang="en-US" altLang="ja-JP" sz="1100" b="1"/>
            <a:t>3</a:t>
          </a:r>
          <a:r>
            <a:rPr kumimoji="1" lang="ja-JP" altLang="en-US" sz="1100" b="1"/>
            <a:t>月末又は</a:t>
          </a:r>
          <a:r>
            <a:rPr kumimoji="1" lang="en-US" altLang="ja-JP" sz="1100" b="1"/>
            <a:t>4</a:t>
          </a:r>
          <a:r>
            <a:rPr kumimoji="1" lang="ja-JP" altLang="en-US" sz="1100" b="1"/>
            <a:t>月末の在庫を記入</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6</xdr:col>
      <xdr:colOff>762000</xdr:colOff>
      <xdr:row>5</xdr:row>
      <xdr:rowOff>361950</xdr:rowOff>
    </xdr:from>
    <xdr:to>
      <xdr:col>8</xdr:col>
      <xdr:colOff>571501</xdr:colOff>
      <xdr:row>8</xdr:row>
      <xdr:rowOff>180975</xdr:rowOff>
    </xdr:to>
    <xdr:sp macro="" textlink="">
      <xdr:nvSpPr>
        <xdr:cNvPr id="2" name="角丸四角形吹き出し 1"/>
        <xdr:cNvSpPr/>
      </xdr:nvSpPr>
      <xdr:spPr bwMode="auto">
        <a:xfrm>
          <a:off x="4067175" y="1571625"/>
          <a:ext cx="1524001" cy="552450"/>
        </a:xfrm>
        <a:prstGeom prst="wedgeRoundRectCallout">
          <a:avLst>
            <a:gd name="adj1" fmla="val -62232"/>
            <a:gd name="adj2" fmla="val 78235"/>
            <a:gd name="adj3" fmla="val 16667"/>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1100" b="1"/>
            <a:t>毎年</a:t>
          </a:r>
          <a:r>
            <a:rPr kumimoji="1" lang="en-US" altLang="ja-JP" sz="1100" b="1"/>
            <a:t>3</a:t>
          </a:r>
          <a:r>
            <a:rPr kumimoji="1" lang="ja-JP" altLang="en-US" sz="1100" b="1"/>
            <a:t>月末又は</a:t>
          </a:r>
          <a:r>
            <a:rPr kumimoji="1" lang="en-US" altLang="ja-JP" sz="1100" b="1"/>
            <a:t>4</a:t>
          </a:r>
          <a:r>
            <a:rPr kumimoji="1" lang="ja-JP" altLang="en-US" sz="1100" b="1"/>
            <a:t>月末の在庫を記入</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9</xdr:col>
      <xdr:colOff>466725</xdr:colOff>
      <xdr:row>11</xdr:row>
      <xdr:rowOff>200025</xdr:rowOff>
    </xdr:from>
    <xdr:to>
      <xdr:col>12</xdr:col>
      <xdr:colOff>657225</xdr:colOff>
      <xdr:row>12</xdr:row>
      <xdr:rowOff>142875</xdr:rowOff>
    </xdr:to>
    <xdr:sp macro="" textlink="">
      <xdr:nvSpPr>
        <xdr:cNvPr id="2" name="四角形吹き出し 1"/>
        <xdr:cNvSpPr/>
      </xdr:nvSpPr>
      <xdr:spPr bwMode="auto">
        <a:xfrm>
          <a:off x="4686300" y="2667000"/>
          <a:ext cx="1266825" cy="257175"/>
        </a:xfrm>
        <a:prstGeom prst="wedgeRectCallout">
          <a:avLst>
            <a:gd name="adj1" fmla="val 22882"/>
            <a:gd name="adj2" fmla="val -128408"/>
          </a:avLst>
        </a:prstGeom>
        <a:solidFill>
          <a:srgbClr val="FFC000"/>
        </a:solidFill>
        <a:ln w="9525" cap="flat" cmpd="sng" algn="ctr">
          <a:solidFill>
            <a:srgbClr val="FFC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t>区分を選択する</a:t>
          </a:r>
        </a:p>
      </xdr:txBody>
    </xdr:sp>
    <xdr:clientData/>
  </xdr:twoCellAnchor>
  <xdr:twoCellAnchor>
    <xdr:from>
      <xdr:col>2</xdr:col>
      <xdr:colOff>142875</xdr:colOff>
      <xdr:row>43</xdr:row>
      <xdr:rowOff>76200</xdr:rowOff>
    </xdr:from>
    <xdr:to>
      <xdr:col>5</xdr:col>
      <xdr:colOff>219075</xdr:colOff>
      <xdr:row>43</xdr:row>
      <xdr:rowOff>333375</xdr:rowOff>
    </xdr:to>
    <xdr:sp macro="" textlink="">
      <xdr:nvSpPr>
        <xdr:cNvPr id="3" name="四角形吹き出し 2"/>
        <xdr:cNvSpPr/>
      </xdr:nvSpPr>
      <xdr:spPr bwMode="auto">
        <a:xfrm>
          <a:off x="790575" y="10629900"/>
          <a:ext cx="1266825" cy="257175"/>
        </a:xfrm>
        <a:prstGeom prst="wedgeRectCallout">
          <a:avLst>
            <a:gd name="adj1" fmla="val 21378"/>
            <a:gd name="adj2" fmla="val 119740"/>
          </a:avLst>
        </a:prstGeom>
        <a:solidFill>
          <a:srgbClr val="FFC000"/>
        </a:solidFill>
        <a:ln w="9525" cap="flat" cmpd="sng" algn="ctr">
          <a:solidFill>
            <a:srgbClr val="FFC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t>密度を記入する</a:t>
          </a:r>
        </a:p>
      </xdr:txBody>
    </xdr:sp>
    <xdr:clientData/>
  </xdr:twoCellAnchor>
  <xdr:twoCellAnchor>
    <xdr:from>
      <xdr:col>13</xdr:col>
      <xdr:colOff>123825</xdr:colOff>
      <xdr:row>43</xdr:row>
      <xdr:rowOff>371475</xdr:rowOff>
    </xdr:from>
    <xdr:to>
      <xdr:col>15</xdr:col>
      <xdr:colOff>552450</xdr:colOff>
      <xdr:row>44</xdr:row>
      <xdr:rowOff>247650</xdr:rowOff>
    </xdr:to>
    <xdr:sp macro="" textlink="">
      <xdr:nvSpPr>
        <xdr:cNvPr id="4" name="四角形吹き出し 3"/>
        <xdr:cNvSpPr/>
      </xdr:nvSpPr>
      <xdr:spPr bwMode="auto">
        <a:xfrm>
          <a:off x="6134100" y="10915650"/>
          <a:ext cx="1266825" cy="257175"/>
        </a:xfrm>
        <a:prstGeom prst="wedgeRectCallout">
          <a:avLst>
            <a:gd name="adj1" fmla="val -66592"/>
            <a:gd name="adj2" fmla="val 60480"/>
          </a:avLst>
        </a:prstGeom>
        <a:solidFill>
          <a:srgbClr val="FFC000"/>
        </a:solidFill>
        <a:ln w="9525" cap="flat" cmpd="sng" algn="ctr">
          <a:solidFill>
            <a:srgbClr val="FFC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t>自動計算される</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31"/>
  <sheetViews>
    <sheetView tabSelected="1" zoomScaleNormal="100" zoomScaleSheetLayoutView="100" workbookViewId="0">
      <selection activeCell="K35" sqref="K35"/>
    </sheetView>
  </sheetViews>
  <sheetFormatPr defaultRowHeight="13.5"/>
  <cols>
    <col min="1" max="1" width="18.375" style="99" customWidth="1"/>
    <col min="2" max="4" width="12.875" style="99" customWidth="1"/>
    <col min="5" max="8" width="8.625" style="99" customWidth="1"/>
    <col min="9" max="10" width="6.125" style="99" customWidth="1"/>
    <col min="11" max="16384" width="9" style="99"/>
  </cols>
  <sheetData>
    <row r="1" spans="1:10" s="83" customFormat="1" ht="48.75" customHeight="1">
      <c r="A1" s="192" t="s">
        <v>96</v>
      </c>
      <c r="B1" s="192"/>
      <c r="C1" s="192"/>
      <c r="D1" s="192"/>
      <c r="E1" s="192"/>
      <c r="F1" s="192"/>
      <c r="G1" s="192"/>
      <c r="H1" s="192"/>
      <c r="I1" s="192"/>
      <c r="J1" s="192"/>
    </row>
    <row r="2" spans="1:10" s="85" customFormat="1" ht="24.95" customHeight="1">
      <c r="A2" s="210" t="s">
        <v>97</v>
      </c>
      <c r="B2" s="211"/>
      <c r="C2" s="101" t="s">
        <v>13</v>
      </c>
      <c r="D2" s="101" t="s">
        <v>116</v>
      </c>
      <c r="E2" s="193" t="s">
        <v>78</v>
      </c>
      <c r="F2" s="193"/>
      <c r="G2" s="84" t="s">
        <v>83</v>
      </c>
      <c r="H2" s="194" t="s">
        <v>84</v>
      </c>
      <c r="I2" s="194"/>
      <c r="J2" s="194"/>
    </row>
    <row r="3" spans="1:10" s="85" customFormat="1" ht="24.95" customHeight="1">
      <c r="A3" s="212"/>
      <c r="B3" s="213"/>
      <c r="C3" s="103"/>
      <c r="D3" s="102"/>
      <c r="E3" s="195"/>
      <c r="F3" s="195"/>
      <c r="G3" s="86"/>
      <c r="H3" s="196"/>
      <c r="I3" s="196"/>
      <c r="J3" s="196"/>
    </row>
    <row r="4" spans="1:10" s="87" customFormat="1" ht="24.75" customHeight="1">
      <c r="A4" s="197" t="s">
        <v>98</v>
      </c>
      <c r="B4" s="199" t="s">
        <v>99</v>
      </c>
      <c r="C4" s="197"/>
      <c r="D4" s="197"/>
      <c r="E4" s="200" t="s">
        <v>106</v>
      </c>
      <c r="F4" s="201"/>
      <c r="G4" s="201"/>
      <c r="H4" s="202"/>
      <c r="I4" s="206" t="s">
        <v>27</v>
      </c>
      <c r="J4" s="208" t="s">
        <v>6</v>
      </c>
    </row>
    <row r="5" spans="1:10" s="87" customFormat="1" ht="30" customHeight="1">
      <c r="A5" s="198"/>
      <c r="B5" s="177" t="s">
        <v>118</v>
      </c>
      <c r="C5" s="177" t="s">
        <v>119</v>
      </c>
      <c r="D5" s="177" t="s">
        <v>120</v>
      </c>
      <c r="E5" s="203"/>
      <c r="F5" s="204"/>
      <c r="G5" s="204"/>
      <c r="H5" s="205"/>
      <c r="I5" s="207"/>
      <c r="J5" s="209"/>
    </row>
    <row r="6" spans="1:10" s="85" customFormat="1" ht="30" customHeight="1">
      <c r="A6" s="88"/>
      <c r="B6" s="15"/>
      <c r="C6" s="15"/>
      <c r="D6" s="15"/>
      <c r="E6" s="189"/>
      <c r="F6" s="190"/>
      <c r="G6" s="190"/>
      <c r="H6" s="191"/>
      <c r="I6" s="89"/>
      <c r="J6" s="89"/>
    </row>
    <row r="7" spans="1:10" s="85" customFormat="1" ht="30" customHeight="1">
      <c r="A7" s="90"/>
      <c r="B7" s="16"/>
      <c r="C7" s="16"/>
      <c r="D7" s="16"/>
      <c r="E7" s="189"/>
      <c r="F7" s="190"/>
      <c r="G7" s="190"/>
      <c r="H7" s="191"/>
      <c r="I7" s="91"/>
      <c r="J7" s="91"/>
    </row>
    <row r="8" spans="1:10" s="85" customFormat="1" ht="30" customHeight="1">
      <c r="A8" s="90"/>
      <c r="B8" s="89"/>
      <c r="C8" s="16"/>
      <c r="D8" s="16"/>
      <c r="E8" s="189"/>
      <c r="F8" s="190"/>
      <c r="G8" s="190"/>
      <c r="H8" s="191"/>
      <c r="I8" s="91"/>
      <c r="J8" s="91"/>
    </row>
    <row r="9" spans="1:10" s="85" customFormat="1" ht="30" customHeight="1">
      <c r="A9" s="90"/>
      <c r="B9" s="89"/>
      <c r="C9" s="16"/>
      <c r="D9" s="16"/>
      <c r="E9" s="189"/>
      <c r="F9" s="190"/>
      <c r="G9" s="190"/>
      <c r="H9" s="191"/>
      <c r="I9" s="91"/>
      <c r="J9" s="91"/>
    </row>
    <row r="10" spans="1:10" s="85" customFormat="1" ht="30" customHeight="1">
      <c r="A10" s="90"/>
      <c r="B10" s="15"/>
      <c r="C10" s="16"/>
      <c r="D10" s="16"/>
      <c r="E10" s="189"/>
      <c r="F10" s="190"/>
      <c r="G10" s="190"/>
      <c r="H10" s="191"/>
      <c r="I10" s="91"/>
      <c r="J10" s="91"/>
    </row>
    <row r="11" spans="1:10" s="85" customFormat="1" ht="30" customHeight="1">
      <c r="A11" s="90"/>
      <c r="B11" s="16"/>
      <c r="C11" s="16"/>
      <c r="D11" s="16"/>
      <c r="E11" s="189"/>
      <c r="F11" s="190"/>
      <c r="G11" s="190"/>
      <c r="H11" s="191"/>
      <c r="I11" s="91"/>
      <c r="J11" s="91"/>
    </row>
    <row r="12" spans="1:10" s="85" customFormat="1" ht="30" customHeight="1">
      <c r="A12" s="89"/>
      <c r="B12" s="16"/>
      <c r="C12" s="92"/>
      <c r="D12" s="16"/>
      <c r="E12" s="189"/>
      <c r="F12" s="190"/>
      <c r="G12" s="190"/>
      <c r="H12" s="191"/>
      <c r="I12" s="93"/>
      <c r="J12" s="93"/>
    </row>
    <row r="13" spans="1:10" s="85" customFormat="1" ht="30" customHeight="1">
      <c r="A13" s="89"/>
      <c r="B13" s="89"/>
      <c r="C13" s="89"/>
      <c r="D13" s="89"/>
      <c r="E13" s="189"/>
      <c r="F13" s="190"/>
      <c r="G13" s="190"/>
      <c r="H13" s="191"/>
      <c r="I13" s="94"/>
      <c r="J13" s="94"/>
    </row>
    <row r="14" spans="1:10" s="85" customFormat="1" ht="30" customHeight="1">
      <c r="A14" s="89"/>
      <c r="B14" s="89"/>
      <c r="C14" s="89"/>
      <c r="D14" s="89"/>
      <c r="E14" s="189"/>
      <c r="F14" s="190"/>
      <c r="G14" s="190"/>
      <c r="H14" s="191"/>
      <c r="I14" s="91"/>
      <c r="J14" s="91"/>
    </row>
    <row r="15" spans="1:10" s="85" customFormat="1" ht="30" customHeight="1">
      <c r="A15" s="89"/>
      <c r="B15" s="89"/>
      <c r="C15" s="89"/>
      <c r="D15" s="89"/>
      <c r="E15" s="189"/>
      <c r="F15" s="190"/>
      <c r="G15" s="190"/>
      <c r="H15" s="191"/>
      <c r="I15" s="93"/>
      <c r="J15" s="93"/>
    </row>
    <row r="16" spans="1:10" s="85" customFormat="1" ht="30" customHeight="1">
      <c r="A16" s="89"/>
      <c r="B16" s="89"/>
      <c r="C16" s="89"/>
      <c r="D16" s="89"/>
      <c r="E16" s="189"/>
      <c r="F16" s="190"/>
      <c r="G16" s="190"/>
      <c r="H16" s="191"/>
      <c r="I16" s="94"/>
      <c r="J16" s="94"/>
    </row>
    <row r="17" spans="1:10" s="85" customFormat="1" ht="30" customHeight="1">
      <c r="A17" s="89"/>
      <c r="B17" s="89"/>
      <c r="C17" s="89"/>
      <c r="D17" s="89"/>
      <c r="E17" s="189"/>
      <c r="F17" s="190"/>
      <c r="G17" s="190"/>
      <c r="H17" s="191"/>
      <c r="I17" s="91"/>
      <c r="J17" s="91"/>
    </row>
    <row r="18" spans="1:10" s="85" customFormat="1" ht="30" customHeight="1">
      <c r="A18" s="89"/>
      <c r="B18" s="89"/>
      <c r="C18" s="89"/>
      <c r="D18" s="95"/>
      <c r="E18" s="189"/>
      <c r="F18" s="190"/>
      <c r="G18" s="190"/>
      <c r="H18" s="191"/>
      <c r="I18" s="16"/>
      <c r="J18" s="16"/>
    </row>
    <row r="19" spans="1:10" s="85" customFormat="1" ht="30" customHeight="1">
      <c r="A19" s="89"/>
      <c r="B19" s="89"/>
      <c r="C19" s="89"/>
      <c r="D19" s="89"/>
      <c r="E19" s="189"/>
      <c r="F19" s="190"/>
      <c r="G19" s="190"/>
      <c r="H19" s="191"/>
      <c r="I19" s="89"/>
      <c r="J19" s="89"/>
    </row>
    <row r="20" spans="1:10" s="85" customFormat="1" ht="30" customHeight="1">
      <c r="A20" s="89"/>
      <c r="B20" s="89"/>
      <c r="C20" s="89"/>
      <c r="D20" s="89"/>
      <c r="E20" s="189"/>
      <c r="F20" s="190"/>
      <c r="G20" s="190"/>
      <c r="H20" s="191"/>
      <c r="I20" s="89"/>
      <c r="J20" s="89"/>
    </row>
    <row r="21" spans="1:10" s="85" customFormat="1" ht="30" customHeight="1">
      <c r="A21" s="89"/>
      <c r="B21" s="16"/>
      <c r="C21" s="16"/>
      <c r="D21" s="16"/>
      <c r="E21" s="189"/>
      <c r="F21" s="190"/>
      <c r="G21" s="190"/>
      <c r="H21" s="191"/>
      <c r="I21" s="16"/>
      <c r="J21" s="16"/>
    </row>
    <row r="22" spans="1:10" s="85" customFormat="1" ht="30" customHeight="1">
      <c r="A22" s="89"/>
      <c r="B22" s="89"/>
      <c r="C22" s="89"/>
      <c r="D22" s="89"/>
      <c r="E22" s="189"/>
      <c r="F22" s="190"/>
      <c r="G22" s="190"/>
      <c r="H22" s="191"/>
      <c r="I22" s="89"/>
      <c r="J22" s="89"/>
    </row>
    <row r="23" spans="1:10" s="85" customFormat="1" ht="30" customHeight="1">
      <c r="A23" s="89"/>
      <c r="B23" s="89"/>
      <c r="C23" s="89"/>
      <c r="D23" s="89"/>
      <c r="E23" s="189"/>
      <c r="F23" s="190"/>
      <c r="G23" s="190"/>
      <c r="H23" s="191"/>
      <c r="I23" s="89"/>
      <c r="J23" s="89"/>
    </row>
    <row r="24" spans="1:10" s="85" customFormat="1" ht="30" customHeight="1">
      <c r="A24" s="89"/>
      <c r="B24" s="89"/>
      <c r="C24" s="89"/>
      <c r="D24" s="89"/>
      <c r="E24" s="189"/>
      <c r="F24" s="190"/>
      <c r="G24" s="190"/>
      <c r="H24" s="191"/>
      <c r="I24" s="89"/>
      <c r="J24" s="89"/>
    </row>
    <row r="25" spans="1:10" s="85" customFormat="1" ht="30" customHeight="1">
      <c r="A25" s="89"/>
      <c r="B25" s="89"/>
      <c r="C25" s="89"/>
      <c r="D25" s="89"/>
      <c r="E25" s="189"/>
      <c r="F25" s="190"/>
      <c r="G25" s="190"/>
      <c r="H25" s="191"/>
      <c r="I25" s="89"/>
      <c r="J25" s="89"/>
    </row>
    <row r="27" spans="1:10" s="97" customFormat="1">
      <c r="A27" s="96" t="s">
        <v>24</v>
      </c>
    </row>
    <row r="28" spans="1:10" s="97" customFormat="1">
      <c r="A28" s="98" t="s">
        <v>29</v>
      </c>
    </row>
    <row r="29" spans="1:10" s="97" customFormat="1">
      <c r="A29" s="97" t="s">
        <v>193</v>
      </c>
    </row>
    <row r="30" spans="1:10" s="97" customFormat="1">
      <c r="A30" s="98" t="s">
        <v>23</v>
      </c>
    </row>
    <row r="31" spans="1:10" s="97" customFormat="1"/>
  </sheetData>
  <mergeCells count="32">
    <mergeCell ref="E6:H6"/>
    <mergeCell ref="A1:J1"/>
    <mergeCell ref="E2:F2"/>
    <mergeCell ref="H2:J2"/>
    <mergeCell ref="E3:F3"/>
    <mergeCell ref="H3:J3"/>
    <mergeCell ref="A4:A5"/>
    <mergeCell ref="B4:D4"/>
    <mergeCell ref="E4:H5"/>
    <mergeCell ref="I4:I5"/>
    <mergeCell ref="J4:J5"/>
    <mergeCell ref="A2:B2"/>
    <mergeCell ref="A3:B3"/>
    <mergeCell ref="E25:H25"/>
    <mergeCell ref="E19:H19"/>
    <mergeCell ref="E20:H20"/>
    <mergeCell ref="E21:H21"/>
    <mergeCell ref="E22:H22"/>
    <mergeCell ref="E23:H23"/>
    <mergeCell ref="E24:H24"/>
    <mergeCell ref="E18:H18"/>
    <mergeCell ref="E7:H7"/>
    <mergeCell ref="E8:H8"/>
    <mergeCell ref="E9:H9"/>
    <mergeCell ref="E10:H10"/>
    <mergeCell ref="E11:H11"/>
    <mergeCell ref="E12:H12"/>
    <mergeCell ref="E13:H13"/>
    <mergeCell ref="E14:H14"/>
    <mergeCell ref="E15:H15"/>
    <mergeCell ref="E16:H16"/>
    <mergeCell ref="E17:H17"/>
  </mergeCells>
  <phoneticPr fontId="2"/>
  <pageMargins left="0.74803149606299213" right="0.23622047244094491" top="0.62992125984251968" bottom="0.55118110236220474" header="0.51181102362204722" footer="0.51181102362204722"/>
  <pageSetup paperSize="9" scale="91" orientation="portrait" r:id="rId1"/>
  <headerFooter alignWithMargins="0">
    <oddHeader xml:space="preserve">&amp;L化学物質使用責任者用
（様式１-１）
</oddHead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31"/>
  <sheetViews>
    <sheetView zoomScaleNormal="100" zoomScaleSheetLayoutView="100" workbookViewId="0">
      <selection activeCell="L9" sqref="L9"/>
    </sheetView>
  </sheetViews>
  <sheetFormatPr defaultRowHeight="13.5"/>
  <cols>
    <col min="1" max="1" width="18.375" style="99" customWidth="1"/>
    <col min="2" max="4" width="12.875" style="99" customWidth="1"/>
    <col min="5" max="7" width="8.625" style="99" customWidth="1"/>
    <col min="8" max="8" width="7.625" style="99" customWidth="1"/>
    <col min="9" max="10" width="6.625" style="99" customWidth="1"/>
    <col min="11" max="11" width="9" style="99"/>
    <col min="12" max="12" width="18.375" style="99" customWidth="1"/>
    <col min="13" max="15" width="12.875" style="99" customWidth="1"/>
    <col min="16" max="18" width="8.625" style="99" customWidth="1"/>
    <col min="19" max="19" width="7.625" style="99" customWidth="1"/>
    <col min="20" max="21" width="6.625" style="99" customWidth="1"/>
    <col min="22" max="16384" width="9" style="99"/>
  </cols>
  <sheetData>
    <row r="1" spans="1:21" s="83" customFormat="1" ht="48.75" customHeight="1" thickBot="1">
      <c r="A1" s="389" t="s">
        <v>128</v>
      </c>
      <c r="B1" s="389"/>
      <c r="C1" s="389"/>
      <c r="D1" s="389"/>
      <c r="E1" s="389"/>
      <c r="F1" s="389"/>
      <c r="G1" s="389"/>
      <c r="H1" s="389"/>
      <c r="I1" s="389"/>
      <c r="J1" s="389"/>
      <c r="L1" s="192" t="s">
        <v>128</v>
      </c>
      <c r="M1" s="192"/>
      <c r="N1" s="192"/>
      <c r="O1" s="192"/>
      <c r="P1" s="192"/>
      <c r="Q1" s="192"/>
      <c r="R1" s="192"/>
      <c r="S1" s="192"/>
      <c r="T1" s="192"/>
      <c r="U1" s="192"/>
    </row>
    <row r="2" spans="1:21" s="85" customFormat="1" ht="24.95" customHeight="1">
      <c r="A2" s="390" t="s">
        <v>100</v>
      </c>
      <c r="B2" s="391"/>
      <c r="C2" s="139" t="s">
        <v>13</v>
      </c>
      <c r="D2" s="139" t="s">
        <v>116</v>
      </c>
      <c r="E2" s="392" t="s">
        <v>78</v>
      </c>
      <c r="F2" s="392"/>
      <c r="G2" s="140" t="s">
        <v>83</v>
      </c>
      <c r="H2" s="393" t="s">
        <v>84</v>
      </c>
      <c r="I2" s="393"/>
      <c r="J2" s="394"/>
      <c r="L2" s="210" t="s">
        <v>100</v>
      </c>
      <c r="M2" s="211"/>
      <c r="N2" s="107" t="s">
        <v>13</v>
      </c>
      <c r="O2" s="107" t="s">
        <v>116</v>
      </c>
      <c r="P2" s="193" t="s">
        <v>78</v>
      </c>
      <c r="Q2" s="193"/>
      <c r="R2" s="106" t="s">
        <v>83</v>
      </c>
      <c r="S2" s="194" t="s">
        <v>84</v>
      </c>
      <c r="T2" s="194"/>
      <c r="U2" s="194"/>
    </row>
    <row r="3" spans="1:21" s="85" customFormat="1" ht="24.95" customHeight="1">
      <c r="A3" s="395" t="s">
        <v>114</v>
      </c>
      <c r="B3" s="383"/>
      <c r="C3" s="110" t="s">
        <v>111</v>
      </c>
      <c r="D3" s="117" t="s">
        <v>115</v>
      </c>
      <c r="E3" s="384" t="s">
        <v>80</v>
      </c>
      <c r="F3" s="384"/>
      <c r="G3" s="111" t="s">
        <v>81</v>
      </c>
      <c r="H3" s="385" t="s">
        <v>82</v>
      </c>
      <c r="I3" s="385"/>
      <c r="J3" s="396"/>
      <c r="L3" s="382" t="s">
        <v>129</v>
      </c>
      <c r="M3" s="383"/>
      <c r="N3" s="110" t="s">
        <v>111</v>
      </c>
      <c r="O3" s="117" t="s">
        <v>130</v>
      </c>
      <c r="P3" s="384" t="s">
        <v>80</v>
      </c>
      <c r="Q3" s="384"/>
      <c r="R3" s="111" t="s">
        <v>81</v>
      </c>
      <c r="S3" s="385" t="s">
        <v>82</v>
      </c>
      <c r="T3" s="385"/>
      <c r="U3" s="385"/>
    </row>
    <row r="4" spans="1:21" s="87" customFormat="1" ht="24.75" customHeight="1">
      <c r="A4" s="397" t="s">
        <v>98</v>
      </c>
      <c r="B4" s="199" t="s">
        <v>99</v>
      </c>
      <c r="C4" s="197"/>
      <c r="D4" s="197"/>
      <c r="E4" s="200" t="s">
        <v>106</v>
      </c>
      <c r="F4" s="201"/>
      <c r="G4" s="201"/>
      <c r="H4" s="202"/>
      <c r="I4" s="206" t="s">
        <v>27</v>
      </c>
      <c r="J4" s="399" t="s">
        <v>6</v>
      </c>
      <c r="L4" s="197" t="s">
        <v>98</v>
      </c>
      <c r="M4" s="199" t="s">
        <v>99</v>
      </c>
      <c r="N4" s="197"/>
      <c r="O4" s="197"/>
      <c r="P4" s="200" t="s">
        <v>106</v>
      </c>
      <c r="Q4" s="201"/>
      <c r="R4" s="201"/>
      <c r="S4" s="202"/>
      <c r="T4" s="206" t="s">
        <v>27</v>
      </c>
      <c r="U4" s="208" t="s">
        <v>6</v>
      </c>
    </row>
    <row r="5" spans="1:21" s="87" customFormat="1" ht="30" customHeight="1">
      <c r="A5" s="398"/>
      <c r="B5" s="107" t="s">
        <v>102</v>
      </c>
      <c r="C5" s="107" t="s">
        <v>103</v>
      </c>
      <c r="D5" s="107" t="s">
        <v>104</v>
      </c>
      <c r="E5" s="203"/>
      <c r="F5" s="204"/>
      <c r="G5" s="204"/>
      <c r="H5" s="205"/>
      <c r="I5" s="207"/>
      <c r="J5" s="400"/>
      <c r="L5" s="198"/>
      <c r="M5" s="107" t="s">
        <v>102</v>
      </c>
      <c r="N5" s="107" t="s">
        <v>103</v>
      </c>
      <c r="O5" s="107" t="s">
        <v>104</v>
      </c>
      <c r="P5" s="203"/>
      <c r="Q5" s="204"/>
      <c r="R5" s="204"/>
      <c r="S5" s="205"/>
      <c r="T5" s="207"/>
      <c r="U5" s="209"/>
    </row>
    <row r="6" spans="1:21" s="85" customFormat="1" ht="30" customHeight="1">
      <c r="A6" s="141">
        <v>43191</v>
      </c>
      <c r="B6" s="113" t="s">
        <v>117</v>
      </c>
      <c r="C6" s="113"/>
      <c r="D6" s="113" t="s">
        <v>117</v>
      </c>
      <c r="E6" s="379" t="s">
        <v>25</v>
      </c>
      <c r="F6" s="380"/>
      <c r="G6" s="380"/>
      <c r="H6" s="381"/>
      <c r="I6" s="114" t="s">
        <v>75</v>
      </c>
      <c r="J6" s="142" t="s">
        <v>75</v>
      </c>
      <c r="L6" s="112">
        <v>43215</v>
      </c>
      <c r="M6" s="113" t="s">
        <v>131</v>
      </c>
      <c r="N6" s="113" t="s">
        <v>132</v>
      </c>
      <c r="O6" s="113" t="s">
        <v>133</v>
      </c>
      <c r="P6" s="379" t="s">
        <v>26</v>
      </c>
      <c r="Q6" s="380"/>
      <c r="R6" s="380"/>
      <c r="S6" s="381"/>
      <c r="T6" s="114" t="s">
        <v>75</v>
      </c>
      <c r="U6" s="114" t="s">
        <v>75</v>
      </c>
    </row>
    <row r="7" spans="1:21" s="85" customFormat="1" ht="30" customHeight="1">
      <c r="A7" s="141">
        <v>43220</v>
      </c>
      <c r="B7" s="115"/>
      <c r="C7" s="113" t="s">
        <v>124</v>
      </c>
      <c r="D7" s="113" t="s">
        <v>124</v>
      </c>
      <c r="E7" s="379" t="s">
        <v>26</v>
      </c>
      <c r="F7" s="380"/>
      <c r="G7" s="380"/>
      <c r="H7" s="381"/>
      <c r="I7" s="114" t="s">
        <v>75</v>
      </c>
      <c r="J7" s="142" t="s">
        <v>75</v>
      </c>
      <c r="L7" s="122"/>
      <c r="M7" s="123"/>
      <c r="N7" s="124"/>
      <c r="O7" s="124"/>
      <c r="P7" s="386"/>
      <c r="Q7" s="387"/>
      <c r="R7" s="387"/>
      <c r="S7" s="388"/>
      <c r="T7" s="125"/>
      <c r="U7" s="125"/>
    </row>
    <row r="8" spans="1:21" s="85" customFormat="1" ht="30" customHeight="1">
      <c r="A8" s="141">
        <v>43247</v>
      </c>
      <c r="B8" s="116"/>
      <c r="C8" s="171" t="s">
        <v>125</v>
      </c>
      <c r="D8" s="171">
        <v>0</v>
      </c>
      <c r="E8" s="168" t="s">
        <v>26</v>
      </c>
      <c r="F8" s="169"/>
      <c r="G8" s="169"/>
      <c r="H8" s="170"/>
      <c r="I8" s="114" t="s">
        <v>75</v>
      </c>
      <c r="J8" s="142" t="s">
        <v>75</v>
      </c>
      <c r="L8" s="122"/>
      <c r="M8" s="126"/>
      <c r="N8" s="124"/>
      <c r="O8" s="124"/>
      <c r="P8" s="386"/>
      <c r="Q8" s="387"/>
      <c r="R8" s="387"/>
      <c r="S8" s="388"/>
      <c r="T8" s="125"/>
      <c r="U8" s="125"/>
    </row>
    <row r="9" spans="1:21" s="85" customFormat="1" ht="30" customHeight="1">
      <c r="A9" s="141">
        <v>43261</v>
      </c>
      <c r="B9" s="119" t="s">
        <v>115</v>
      </c>
      <c r="C9" s="119"/>
      <c r="D9" s="119" t="s">
        <v>115</v>
      </c>
      <c r="E9" s="168" t="s">
        <v>28</v>
      </c>
      <c r="F9" s="169"/>
      <c r="G9" s="169"/>
      <c r="H9" s="170"/>
      <c r="I9" s="114" t="s">
        <v>75</v>
      </c>
      <c r="J9" s="142" t="s">
        <v>75</v>
      </c>
      <c r="L9" s="122"/>
      <c r="M9" s="126"/>
      <c r="N9" s="124"/>
      <c r="O9" s="124"/>
      <c r="P9" s="386"/>
      <c r="Q9" s="387"/>
      <c r="R9" s="387"/>
      <c r="S9" s="388"/>
      <c r="T9" s="125"/>
      <c r="U9" s="125"/>
    </row>
    <row r="10" spans="1:21" s="85" customFormat="1" ht="30" customHeight="1">
      <c r="A10" s="141">
        <v>43264</v>
      </c>
      <c r="B10" s="120"/>
      <c r="C10" s="119" t="s">
        <v>124</v>
      </c>
      <c r="D10" s="119" t="s">
        <v>123</v>
      </c>
      <c r="E10" s="379" t="s">
        <v>26</v>
      </c>
      <c r="F10" s="380"/>
      <c r="G10" s="380"/>
      <c r="H10" s="381"/>
      <c r="I10" s="114" t="s">
        <v>75</v>
      </c>
      <c r="J10" s="142" t="s">
        <v>75</v>
      </c>
      <c r="L10" s="122"/>
      <c r="M10" s="127"/>
      <c r="N10" s="127"/>
      <c r="O10" s="127"/>
      <c r="P10" s="386"/>
      <c r="Q10" s="387"/>
      <c r="R10" s="387"/>
      <c r="S10" s="388"/>
      <c r="T10" s="125"/>
      <c r="U10" s="125"/>
    </row>
    <row r="11" spans="1:21" s="85" customFormat="1" ht="30" customHeight="1">
      <c r="A11" s="145"/>
      <c r="B11" s="172"/>
      <c r="C11" s="173"/>
      <c r="D11" s="173"/>
      <c r="E11" s="189"/>
      <c r="F11" s="190"/>
      <c r="G11" s="190"/>
      <c r="H11" s="191"/>
      <c r="I11" s="91"/>
      <c r="J11" s="144"/>
      <c r="L11" s="122"/>
      <c r="M11" s="128"/>
      <c r="N11" s="127"/>
      <c r="O11" s="127"/>
      <c r="P11" s="386"/>
      <c r="Q11" s="387"/>
      <c r="R11" s="387"/>
      <c r="S11" s="388"/>
      <c r="T11" s="125"/>
      <c r="U11" s="125"/>
    </row>
    <row r="12" spans="1:21" s="85" customFormat="1" ht="30" customHeight="1">
      <c r="A12" s="145"/>
      <c r="B12" s="146"/>
      <c r="C12" s="167"/>
      <c r="D12" s="167"/>
      <c r="E12" s="129"/>
      <c r="F12" s="130"/>
      <c r="G12" s="130"/>
      <c r="H12" s="131"/>
      <c r="I12" s="91"/>
      <c r="J12" s="144"/>
      <c r="L12" s="112">
        <v>43215</v>
      </c>
      <c r="M12" s="171" t="s">
        <v>131</v>
      </c>
      <c r="N12" s="119" t="s">
        <v>147</v>
      </c>
      <c r="O12" s="119" t="s">
        <v>148</v>
      </c>
      <c r="P12" s="379" t="s">
        <v>26</v>
      </c>
      <c r="Q12" s="380"/>
      <c r="R12" s="380"/>
      <c r="S12" s="381"/>
      <c r="T12" s="114" t="s">
        <v>75</v>
      </c>
      <c r="U12" s="114" t="s">
        <v>75</v>
      </c>
    </row>
    <row r="13" spans="1:21" s="85" customFormat="1" ht="30" customHeight="1">
      <c r="A13" s="145"/>
      <c r="B13" s="173"/>
      <c r="C13" s="173"/>
      <c r="D13" s="173"/>
      <c r="E13" s="164"/>
      <c r="F13" s="165"/>
      <c r="G13" s="165"/>
      <c r="H13" s="166"/>
      <c r="I13" s="91"/>
      <c r="J13" s="144"/>
      <c r="L13" s="90"/>
      <c r="M13" s="118"/>
      <c r="N13" s="107"/>
      <c r="O13" s="107"/>
      <c r="P13" s="129"/>
      <c r="Q13" s="130"/>
      <c r="R13" s="130"/>
      <c r="S13" s="131"/>
      <c r="T13" s="91"/>
      <c r="U13" s="91"/>
    </row>
    <row r="14" spans="1:21" s="85" customFormat="1" ht="30" customHeight="1">
      <c r="A14" s="141">
        <v>43191</v>
      </c>
      <c r="B14" s="119" t="s">
        <v>126</v>
      </c>
      <c r="C14" s="119"/>
      <c r="D14" s="119" t="s">
        <v>126</v>
      </c>
      <c r="E14" s="168" t="s">
        <v>25</v>
      </c>
      <c r="F14" s="169"/>
      <c r="G14" s="169"/>
      <c r="H14" s="170"/>
      <c r="I14" s="114" t="s">
        <v>75</v>
      </c>
      <c r="J14" s="142" t="s">
        <v>75</v>
      </c>
      <c r="L14" s="90"/>
      <c r="M14" s="167"/>
      <c r="N14" s="173"/>
      <c r="O14" s="173"/>
      <c r="P14" s="189"/>
      <c r="Q14" s="190"/>
      <c r="R14" s="190"/>
      <c r="S14" s="191"/>
      <c r="T14" s="91"/>
      <c r="U14" s="91"/>
    </row>
    <row r="15" spans="1:21" s="85" customFormat="1" ht="30" customHeight="1">
      <c r="A15" s="141">
        <v>43220</v>
      </c>
      <c r="B15" s="120"/>
      <c r="C15" s="119" t="s">
        <v>93</v>
      </c>
      <c r="D15" s="119" t="s">
        <v>93</v>
      </c>
      <c r="E15" s="168" t="s">
        <v>26</v>
      </c>
      <c r="F15" s="169"/>
      <c r="G15" s="169"/>
      <c r="H15" s="170"/>
      <c r="I15" s="114" t="s">
        <v>75</v>
      </c>
      <c r="J15" s="142" t="s">
        <v>75</v>
      </c>
      <c r="L15" s="122"/>
      <c r="M15" s="128"/>
      <c r="N15" s="127"/>
      <c r="O15" s="127"/>
      <c r="P15" s="386"/>
      <c r="Q15" s="387"/>
      <c r="R15" s="387"/>
      <c r="S15" s="388"/>
      <c r="T15" s="125"/>
      <c r="U15" s="125"/>
    </row>
    <row r="16" spans="1:21" s="85" customFormat="1" ht="30" customHeight="1">
      <c r="A16" s="141">
        <v>43235</v>
      </c>
      <c r="B16" s="121"/>
      <c r="C16" s="119" t="s">
        <v>127</v>
      </c>
      <c r="D16" s="119" t="s">
        <v>127</v>
      </c>
      <c r="E16" s="168" t="s">
        <v>26</v>
      </c>
      <c r="F16" s="169"/>
      <c r="G16" s="169"/>
      <c r="H16" s="170"/>
      <c r="I16" s="114" t="s">
        <v>75</v>
      </c>
      <c r="J16" s="142" t="s">
        <v>75</v>
      </c>
      <c r="L16" s="122"/>
      <c r="M16" s="132"/>
      <c r="N16" s="127"/>
      <c r="O16" s="127"/>
      <c r="P16" s="386"/>
      <c r="Q16" s="387"/>
      <c r="R16" s="387"/>
      <c r="S16" s="388"/>
      <c r="T16" s="125"/>
      <c r="U16" s="125"/>
    </row>
    <row r="17" spans="1:21" s="85" customFormat="1" ht="30" customHeight="1">
      <c r="A17" s="143"/>
      <c r="B17" s="89"/>
      <c r="C17" s="89"/>
      <c r="D17" s="89"/>
      <c r="E17" s="189"/>
      <c r="F17" s="190"/>
      <c r="G17" s="190"/>
      <c r="H17" s="191"/>
      <c r="I17" s="91"/>
      <c r="J17" s="144"/>
      <c r="L17" s="89"/>
      <c r="M17" s="89"/>
      <c r="N17" s="89"/>
      <c r="O17" s="89"/>
      <c r="P17" s="189"/>
      <c r="Q17" s="190"/>
      <c r="R17" s="190"/>
      <c r="S17" s="191"/>
      <c r="T17" s="91"/>
      <c r="U17" s="91"/>
    </row>
    <row r="18" spans="1:21" s="85" customFormat="1" ht="30" customHeight="1">
      <c r="A18" s="143"/>
      <c r="B18" s="89"/>
      <c r="C18" s="89"/>
      <c r="D18" s="95"/>
      <c r="E18" s="189"/>
      <c r="F18" s="190"/>
      <c r="G18" s="190"/>
      <c r="H18" s="191"/>
      <c r="I18" s="107"/>
      <c r="J18" s="147"/>
      <c r="L18" s="89"/>
      <c r="M18" s="89"/>
      <c r="N18" s="89"/>
      <c r="O18" s="95"/>
      <c r="P18" s="189"/>
      <c r="Q18" s="190"/>
      <c r="R18" s="190"/>
      <c r="S18" s="191"/>
      <c r="T18" s="107"/>
      <c r="U18" s="107"/>
    </row>
    <row r="19" spans="1:21" s="85" customFormat="1" ht="30" customHeight="1">
      <c r="A19" s="141">
        <v>43230</v>
      </c>
      <c r="B19" s="171" t="s">
        <v>166</v>
      </c>
      <c r="C19" s="171"/>
      <c r="D19" s="171"/>
      <c r="E19" s="379" t="s">
        <v>28</v>
      </c>
      <c r="F19" s="380"/>
      <c r="G19" s="380"/>
      <c r="H19" s="381"/>
      <c r="I19" s="114" t="s">
        <v>75</v>
      </c>
      <c r="J19" s="142" t="s">
        <v>75</v>
      </c>
      <c r="L19" s="89"/>
      <c r="M19" s="89"/>
      <c r="N19" s="89"/>
      <c r="O19" s="89"/>
      <c r="P19" s="189"/>
      <c r="Q19" s="190"/>
      <c r="R19" s="190"/>
      <c r="S19" s="191"/>
      <c r="T19" s="89"/>
      <c r="U19" s="89"/>
    </row>
    <row r="20" spans="1:21" s="85" customFormat="1" ht="30" customHeight="1">
      <c r="A20" s="141">
        <v>43236</v>
      </c>
      <c r="B20" s="115"/>
      <c r="C20" s="171" t="s">
        <v>167</v>
      </c>
      <c r="D20" s="171" t="s">
        <v>168</v>
      </c>
      <c r="E20" s="379" t="s">
        <v>26</v>
      </c>
      <c r="F20" s="380"/>
      <c r="G20" s="380"/>
      <c r="H20" s="381"/>
      <c r="I20" s="114" t="s">
        <v>75</v>
      </c>
      <c r="J20" s="142" t="s">
        <v>75</v>
      </c>
      <c r="L20" s="89"/>
      <c r="M20" s="89"/>
      <c r="N20" s="89"/>
      <c r="O20" s="89"/>
      <c r="P20" s="189"/>
      <c r="Q20" s="190"/>
      <c r="R20" s="190"/>
      <c r="S20" s="191"/>
      <c r="T20" s="89"/>
      <c r="U20" s="89"/>
    </row>
    <row r="21" spans="1:21" s="85" customFormat="1" ht="30" customHeight="1">
      <c r="A21" s="143"/>
      <c r="B21" s="107"/>
      <c r="C21" s="107"/>
      <c r="D21" s="107"/>
      <c r="E21" s="189"/>
      <c r="F21" s="190"/>
      <c r="G21" s="190"/>
      <c r="H21" s="191"/>
      <c r="I21" s="107"/>
      <c r="J21" s="147"/>
      <c r="L21" s="89"/>
      <c r="M21" s="107"/>
      <c r="N21" s="107"/>
      <c r="O21" s="107"/>
      <c r="P21" s="189"/>
      <c r="Q21" s="190"/>
      <c r="R21" s="190"/>
      <c r="S21" s="191"/>
      <c r="T21" s="107"/>
      <c r="U21" s="107"/>
    </row>
    <row r="22" spans="1:21" s="85" customFormat="1" ht="30" customHeight="1">
      <c r="A22" s="143"/>
      <c r="B22" s="89"/>
      <c r="C22" s="89"/>
      <c r="D22" s="89"/>
      <c r="E22" s="189"/>
      <c r="F22" s="190"/>
      <c r="G22" s="190"/>
      <c r="H22" s="191"/>
      <c r="I22" s="89"/>
      <c r="J22" s="148"/>
      <c r="L22" s="89"/>
      <c r="M22" s="89"/>
      <c r="N22" s="89"/>
      <c r="O22" s="89"/>
      <c r="P22" s="189"/>
      <c r="Q22" s="190"/>
      <c r="R22" s="190"/>
      <c r="S22" s="191"/>
      <c r="T22" s="89"/>
      <c r="U22" s="89"/>
    </row>
    <row r="23" spans="1:21" s="85" customFormat="1" ht="30" customHeight="1">
      <c r="A23" s="143"/>
      <c r="B23" s="89"/>
      <c r="C23" s="89"/>
      <c r="D23" s="89"/>
      <c r="E23" s="189"/>
      <c r="F23" s="190"/>
      <c r="G23" s="190"/>
      <c r="H23" s="191"/>
      <c r="I23" s="89"/>
      <c r="J23" s="148"/>
      <c r="L23" s="89"/>
      <c r="M23" s="89"/>
      <c r="N23" s="89"/>
      <c r="O23" s="89"/>
      <c r="P23" s="189"/>
      <c r="Q23" s="190"/>
      <c r="R23" s="190"/>
      <c r="S23" s="191"/>
      <c r="T23" s="89"/>
      <c r="U23" s="89"/>
    </row>
    <row r="24" spans="1:21" s="85" customFormat="1" ht="30" customHeight="1">
      <c r="A24" s="143"/>
      <c r="B24" s="89"/>
      <c r="C24" s="89"/>
      <c r="D24" s="89"/>
      <c r="E24" s="189"/>
      <c r="F24" s="190"/>
      <c r="G24" s="190"/>
      <c r="H24" s="191"/>
      <c r="I24" s="89"/>
      <c r="J24" s="148"/>
      <c r="L24" s="89"/>
      <c r="M24" s="89"/>
      <c r="N24" s="89"/>
      <c r="O24" s="89"/>
      <c r="P24" s="189"/>
      <c r="Q24" s="190"/>
      <c r="R24" s="190"/>
      <c r="S24" s="191"/>
      <c r="T24" s="89"/>
      <c r="U24" s="89"/>
    </row>
    <row r="25" spans="1:21" s="85" customFormat="1" ht="30" customHeight="1" thickBot="1">
      <c r="A25" s="149"/>
      <c r="B25" s="150"/>
      <c r="C25" s="150"/>
      <c r="D25" s="150"/>
      <c r="E25" s="401"/>
      <c r="F25" s="402"/>
      <c r="G25" s="402"/>
      <c r="H25" s="403"/>
      <c r="I25" s="150"/>
      <c r="J25" s="151"/>
      <c r="L25" s="89"/>
      <c r="M25" s="89"/>
      <c r="N25" s="89"/>
      <c r="O25" s="89"/>
      <c r="P25" s="189"/>
      <c r="Q25" s="190"/>
      <c r="R25" s="190"/>
      <c r="S25" s="191"/>
      <c r="T25" s="89"/>
      <c r="U25" s="89"/>
    </row>
    <row r="27" spans="1:21" s="97" customFormat="1">
      <c r="A27" s="96" t="s">
        <v>24</v>
      </c>
      <c r="L27" s="96" t="s">
        <v>24</v>
      </c>
    </row>
    <row r="28" spans="1:21" s="97" customFormat="1">
      <c r="A28" s="98" t="s">
        <v>29</v>
      </c>
      <c r="L28" s="98" t="s">
        <v>29</v>
      </c>
    </row>
    <row r="29" spans="1:21" s="97" customFormat="1">
      <c r="A29" s="97" t="s">
        <v>195</v>
      </c>
      <c r="L29" s="97" t="s">
        <v>195</v>
      </c>
    </row>
    <row r="30" spans="1:21" s="97" customFormat="1">
      <c r="A30" s="98" t="s">
        <v>105</v>
      </c>
      <c r="L30" s="98" t="s">
        <v>105</v>
      </c>
    </row>
    <row r="31" spans="1:21" s="97" customFormat="1"/>
  </sheetData>
  <mergeCells count="56">
    <mergeCell ref="E25:H25"/>
    <mergeCell ref="E19:H19"/>
    <mergeCell ref="E20:H20"/>
    <mergeCell ref="E21:H21"/>
    <mergeCell ref="E22:H22"/>
    <mergeCell ref="E23:H23"/>
    <mergeCell ref="E24:H24"/>
    <mergeCell ref="E18:H18"/>
    <mergeCell ref="E7:H7"/>
    <mergeCell ref="E10:H10"/>
    <mergeCell ref="E11:H11"/>
    <mergeCell ref="E17:H17"/>
    <mergeCell ref="E6:H6"/>
    <mergeCell ref="A1:J1"/>
    <mergeCell ref="A2:B2"/>
    <mergeCell ref="E2:F2"/>
    <mergeCell ref="H2:J2"/>
    <mergeCell ref="A3:B3"/>
    <mergeCell ref="E3:F3"/>
    <mergeCell ref="H3:J3"/>
    <mergeCell ref="A4:A5"/>
    <mergeCell ref="B4:D4"/>
    <mergeCell ref="E4:H5"/>
    <mergeCell ref="I4:I5"/>
    <mergeCell ref="J4:J5"/>
    <mergeCell ref="L1:U1"/>
    <mergeCell ref="L2:M2"/>
    <mergeCell ref="P2:Q2"/>
    <mergeCell ref="S2:U2"/>
    <mergeCell ref="L3:M3"/>
    <mergeCell ref="P3:Q3"/>
    <mergeCell ref="S3:U3"/>
    <mergeCell ref="L4:L5"/>
    <mergeCell ref="M4:O4"/>
    <mergeCell ref="P4:S5"/>
    <mergeCell ref="T4:T5"/>
    <mergeCell ref="U4:U5"/>
    <mergeCell ref="P11:S11"/>
    <mergeCell ref="P12:S12"/>
    <mergeCell ref="P14:S14"/>
    <mergeCell ref="P15:S15"/>
    <mergeCell ref="P6:S6"/>
    <mergeCell ref="P7:S7"/>
    <mergeCell ref="P8:S8"/>
    <mergeCell ref="P9:S9"/>
    <mergeCell ref="P10:S10"/>
    <mergeCell ref="P16:S16"/>
    <mergeCell ref="P17:S17"/>
    <mergeCell ref="P18:S18"/>
    <mergeCell ref="P19:S19"/>
    <mergeCell ref="P20:S20"/>
    <mergeCell ref="P21:S21"/>
    <mergeCell ref="P22:S22"/>
    <mergeCell ref="P23:S23"/>
    <mergeCell ref="P24:S24"/>
    <mergeCell ref="P25:S25"/>
  </mergeCells>
  <phoneticPr fontId="2"/>
  <pageMargins left="0.74803149606299213" right="0.23622047244094491" top="0.62992125984251968" bottom="0.55118110236220474" header="0.51181102362204722" footer="0.51181102362204722"/>
  <pageSetup paperSize="9" scale="43" orientation="portrait" r:id="rId1"/>
  <headerFooter alignWithMargins="0">
    <oddHeader xml:space="preserve">&amp;L化学物質使用責任者用
（様式１-2）
</oddHead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J31"/>
  <sheetViews>
    <sheetView view="pageBreakPreview" zoomScaleNormal="100" zoomScaleSheetLayoutView="100" workbookViewId="0">
      <selection activeCell="J17" sqref="J17"/>
    </sheetView>
  </sheetViews>
  <sheetFormatPr defaultRowHeight="13.5"/>
  <cols>
    <col min="1" max="1" width="1.75" style="5" customWidth="1"/>
    <col min="2" max="2" width="3.75" style="5" customWidth="1"/>
    <col min="3" max="3" width="4.625" style="5" customWidth="1"/>
    <col min="4" max="4" width="12.625" style="5" customWidth="1"/>
    <col min="5" max="5" width="16.625" style="5" customWidth="1"/>
    <col min="6" max="6" width="7.625" style="5" customWidth="1"/>
    <col min="7" max="7" width="11.5" style="5" customWidth="1"/>
    <col min="8" max="8" width="11" style="5" customWidth="1"/>
    <col min="9" max="9" width="11.125" style="5" customWidth="1"/>
    <col min="10" max="10" width="11.625" style="5" customWidth="1"/>
    <col min="11" max="16384" width="9" style="5"/>
  </cols>
  <sheetData>
    <row r="2" spans="1:10" s="3" customFormat="1" ht="24">
      <c r="A2" s="220" t="s">
        <v>134</v>
      </c>
      <c r="B2" s="220"/>
      <c r="C2" s="220"/>
      <c r="D2" s="220"/>
      <c r="E2" s="220"/>
      <c r="F2" s="220"/>
      <c r="G2" s="220"/>
      <c r="H2" s="220"/>
      <c r="I2" s="220"/>
      <c r="J2" s="220"/>
    </row>
    <row r="3" spans="1:10" s="3" customFormat="1" ht="17.25">
      <c r="A3" s="221" t="s">
        <v>32</v>
      </c>
      <c r="B3" s="221"/>
      <c r="C3" s="221"/>
      <c r="D3" s="221"/>
      <c r="E3" s="221"/>
      <c r="F3" s="221"/>
      <c r="G3" s="221"/>
      <c r="H3" s="221"/>
      <c r="I3" s="221"/>
      <c r="J3" s="221"/>
    </row>
    <row r="4" spans="1:10" s="3" customFormat="1" ht="11.25" customHeight="1" thickBot="1">
      <c r="B4" s="6"/>
      <c r="C4" s="6"/>
      <c r="D4" s="6"/>
      <c r="E4" s="6"/>
      <c r="F4" s="6"/>
      <c r="G4" s="6"/>
      <c r="H4" s="6"/>
      <c r="I4" s="6"/>
      <c r="J4" s="6"/>
    </row>
    <row r="5" spans="1:10" s="3" customFormat="1" ht="29.25" customHeight="1" thickTop="1">
      <c r="B5" s="222" t="s">
        <v>16</v>
      </c>
      <c r="C5" s="223"/>
      <c r="D5" s="224"/>
      <c r="E5" s="133" t="s">
        <v>137</v>
      </c>
      <c r="F5" s="256" t="s">
        <v>19</v>
      </c>
      <c r="G5" s="404"/>
      <c r="H5" s="405" t="s">
        <v>135</v>
      </c>
      <c r="I5" s="406"/>
      <c r="J5" s="407"/>
    </row>
    <row r="6" spans="1:10" s="3" customFormat="1" ht="30" customHeight="1" thickBot="1">
      <c r="B6" s="225" t="s">
        <v>201</v>
      </c>
      <c r="C6" s="226"/>
      <c r="D6" s="227"/>
      <c r="E6" s="134"/>
      <c r="F6" s="245" t="s">
        <v>136</v>
      </c>
      <c r="G6" s="246"/>
      <c r="H6" s="408" t="s">
        <v>138</v>
      </c>
      <c r="I6" s="409"/>
      <c r="J6" s="410"/>
    </row>
    <row r="7" spans="1:10" s="3" customFormat="1" ht="14.25" thickTop="1"/>
    <row r="8" spans="1:10" s="3" customFormat="1"/>
    <row r="9" spans="1:10" s="3" customFormat="1" ht="20.25" customHeight="1">
      <c r="B9" s="216" t="s">
        <v>18</v>
      </c>
      <c r="C9" s="218" t="s">
        <v>31</v>
      </c>
      <c r="D9" s="216" t="s">
        <v>61</v>
      </c>
      <c r="E9" s="216"/>
      <c r="F9" s="228" t="s">
        <v>164</v>
      </c>
      <c r="G9" s="230" t="s">
        <v>15</v>
      </c>
      <c r="H9" s="231"/>
      <c r="I9" s="231"/>
      <c r="J9" s="232"/>
    </row>
    <row r="10" spans="1:10" s="3" customFormat="1" ht="36" customHeight="1">
      <c r="B10" s="217"/>
      <c r="C10" s="219"/>
      <c r="D10" s="216"/>
      <c r="E10" s="216"/>
      <c r="F10" s="229"/>
      <c r="G10" s="7" t="s">
        <v>199</v>
      </c>
      <c r="H10" s="7" t="s">
        <v>200</v>
      </c>
      <c r="I10" s="7" t="s">
        <v>200</v>
      </c>
      <c r="J10" s="7" t="s">
        <v>200</v>
      </c>
    </row>
    <row r="11" spans="1:10" s="3" customFormat="1" ht="30" customHeight="1">
      <c r="B11" s="135">
        <v>79</v>
      </c>
      <c r="C11" s="136" t="s">
        <v>139</v>
      </c>
      <c r="D11" s="411" t="s">
        <v>140</v>
      </c>
      <c r="E11" s="412"/>
      <c r="F11" s="137" t="s">
        <v>115</v>
      </c>
      <c r="G11" s="137" t="s">
        <v>123</v>
      </c>
      <c r="H11" s="135"/>
      <c r="I11" s="135"/>
      <c r="J11" s="135"/>
    </row>
    <row r="12" spans="1:10" s="3" customFormat="1" ht="30" customHeight="1">
      <c r="B12" s="135"/>
      <c r="C12" s="8"/>
      <c r="D12" s="214" t="s">
        <v>14</v>
      </c>
      <c r="E12" s="215"/>
      <c r="F12" s="135"/>
      <c r="G12" s="135"/>
      <c r="H12" s="135"/>
      <c r="I12" s="135"/>
      <c r="J12" s="135"/>
    </row>
    <row r="13" spans="1:10" s="3" customFormat="1" ht="30" customHeight="1">
      <c r="B13" s="135">
        <v>194</v>
      </c>
      <c r="C13" s="136" t="s">
        <v>142</v>
      </c>
      <c r="D13" s="411" t="s">
        <v>143</v>
      </c>
      <c r="E13" s="412"/>
      <c r="F13" s="137" t="s">
        <v>144</v>
      </c>
      <c r="G13" s="137" t="s">
        <v>145</v>
      </c>
      <c r="H13" s="135"/>
      <c r="I13" s="135"/>
      <c r="J13" s="135"/>
    </row>
    <row r="14" spans="1:10" s="3" customFormat="1" ht="30" customHeight="1">
      <c r="B14" s="135"/>
      <c r="C14" s="8"/>
      <c r="D14" s="214" t="s">
        <v>14</v>
      </c>
      <c r="E14" s="215"/>
      <c r="F14" s="135"/>
      <c r="G14" s="135"/>
      <c r="H14" s="135"/>
      <c r="I14" s="135"/>
      <c r="J14" s="135"/>
    </row>
    <row r="15" spans="1:10" s="3" customFormat="1" ht="30" customHeight="1">
      <c r="B15" s="135">
        <v>335</v>
      </c>
      <c r="C15" s="136" t="s">
        <v>142</v>
      </c>
      <c r="D15" s="411" t="s">
        <v>163</v>
      </c>
      <c r="E15" s="412"/>
      <c r="F15" s="137" t="s">
        <v>169</v>
      </c>
      <c r="G15" s="137" t="s">
        <v>165</v>
      </c>
      <c r="H15" s="135"/>
      <c r="I15" s="135"/>
      <c r="J15" s="135"/>
    </row>
    <row r="16" spans="1:10" s="3" customFormat="1" ht="30" customHeight="1">
      <c r="B16" s="135"/>
      <c r="C16" s="8"/>
      <c r="D16" s="214" t="s">
        <v>14</v>
      </c>
      <c r="E16" s="215"/>
      <c r="F16" s="135"/>
      <c r="G16" s="135"/>
      <c r="H16" s="135"/>
      <c r="I16" s="135"/>
      <c r="J16" s="135"/>
    </row>
    <row r="17" spans="1:10" s="3" customFormat="1" ht="30" customHeight="1">
      <c r="B17" s="135"/>
      <c r="C17" s="8"/>
      <c r="D17" s="214" t="s">
        <v>14</v>
      </c>
      <c r="E17" s="215"/>
      <c r="F17" s="135"/>
      <c r="G17" s="135"/>
      <c r="H17" s="135"/>
      <c r="I17" s="135"/>
      <c r="J17" s="135"/>
    </row>
    <row r="18" spans="1:10" s="3" customFormat="1" ht="30" customHeight="1">
      <c r="B18" s="135"/>
      <c r="C18" s="8"/>
      <c r="D18" s="214" t="s">
        <v>14</v>
      </c>
      <c r="E18" s="215"/>
      <c r="F18" s="135"/>
      <c r="G18" s="135"/>
      <c r="H18" s="135"/>
      <c r="I18" s="135"/>
      <c r="J18" s="135"/>
    </row>
    <row r="19" spans="1:10" s="3" customFormat="1" ht="30" customHeight="1">
      <c r="B19" s="135"/>
      <c r="C19" s="8"/>
      <c r="D19" s="214" t="s">
        <v>14</v>
      </c>
      <c r="E19" s="215"/>
      <c r="F19" s="135"/>
      <c r="G19" s="135"/>
      <c r="H19" s="135"/>
      <c r="I19" s="135"/>
      <c r="J19" s="135"/>
    </row>
    <row r="20" spans="1:10" s="3" customFormat="1" ht="30" customHeight="1">
      <c r="B20" s="135"/>
      <c r="C20" s="8"/>
      <c r="D20" s="214" t="s">
        <v>14</v>
      </c>
      <c r="E20" s="215"/>
      <c r="F20" s="135"/>
      <c r="G20" s="135"/>
      <c r="H20" s="135"/>
      <c r="I20" s="135"/>
      <c r="J20" s="135"/>
    </row>
    <row r="21" spans="1:10" s="3" customFormat="1" ht="30" customHeight="1">
      <c r="B21" s="135"/>
      <c r="C21" s="8"/>
      <c r="D21" s="214" t="s">
        <v>14</v>
      </c>
      <c r="E21" s="215"/>
      <c r="F21" s="135"/>
      <c r="G21" s="135"/>
      <c r="H21" s="135"/>
      <c r="I21" s="135"/>
      <c r="J21" s="135"/>
    </row>
    <row r="22" spans="1:10" s="3" customFormat="1" ht="30" customHeight="1">
      <c r="B22" s="135"/>
      <c r="C22" s="8" t="s">
        <v>14</v>
      </c>
      <c r="D22" s="214" t="s">
        <v>14</v>
      </c>
      <c r="E22" s="215"/>
      <c r="F22" s="135"/>
      <c r="G22" s="135"/>
      <c r="H22" s="135"/>
      <c r="I22" s="135"/>
      <c r="J22" s="135"/>
    </row>
    <row r="23" spans="1:10" s="3" customFormat="1" ht="30" customHeight="1">
      <c r="B23" s="135"/>
      <c r="C23" s="9" t="s">
        <v>14</v>
      </c>
      <c r="D23" s="214" t="s">
        <v>14</v>
      </c>
      <c r="E23" s="215"/>
      <c r="F23" s="135"/>
      <c r="G23" s="135"/>
      <c r="H23" s="135"/>
      <c r="I23" s="135"/>
      <c r="J23" s="135"/>
    </row>
    <row r="24" spans="1:10" s="3" customFormat="1" ht="30" customHeight="1">
      <c r="B24" s="135"/>
      <c r="C24" s="9" t="s">
        <v>14</v>
      </c>
      <c r="D24" s="214" t="s">
        <v>14</v>
      </c>
      <c r="E24" s="215"/>
      <c r="F24" s="109"/>
      <c r="G24" s="109"/>
      <c r="H24" s="109"/>
      <c r="I24" s="109"/>
      <c r="J24" s="109"/>
    </row>
    <row r="25" spans="1:10" s="3" customFormat="1" ht="30" customHeight="1">
      <c r="B25" s="135" t="s">
        <v>14</v>
      </c>
      <c r="C25" s="9" t="s">
        <v>14</v>
      </c>
      <c r="D25" s="214" t="s">
        <v>14</v>
      </c>
      <c r="E25" s="215"/>
      <c r="F25" s="109"/>
      <c r="G25" s="109"/>
      <c r="H25" s="109"/>
      <c r="I25" s="109"/>
      <c r="J25" s="109"/>
    </row>
    <row r="26" spans="1:10" s="3" customFormat="1" ht="30" customHeight="1">
      <c r="B26" s="135"/>
      <c r="C26" s="108" t="s">
        <v>14</v>
      </c>
      <c r="D26" s="214" t="s">
        <v>14</v>
      </c>
      <c r="E26" s="215"/>
      <c r="F26" s="109"/>
      <c r="G26" s="109"/>
      <c r="H26" s="109"/>
      <c r="I26" s="109"/>
      <c r="J26" s="109"/>
    </row>
    <row r="27" spans="1:10" s="3" customFormat="1" ht="30" customHeight="1">
      <c r="B27" s="135" t="s">
        <v>14</v>
      </c>
      <c r="C27" s="9" t="s">
        <v>14</v>
      </c>
      <c r="D27" s="214" t="s">
        <v>14</v>
      </c>
      <c r="E27" s="215"/>
      <c r="F27" s="109"/>
      <c r="G27" s="109"/>
      <c r="H27" s="109"/>
      <c r="I27" s="109"/>
      <c r="J27" s="109"/>
    </row>
    <row r="28" spans="1:10" s="3" customFormat="1" ht="30" customHeight="1">
      <c r="B28" s="135"/>
      <c r="C28" s="108" t="s">
        <v>14</v>
      </c>
      <c r="D28" s="214" t="s">
        <v>14</v>
      </c>
      <c r="E28" s="215"/>
      <c r="F28" s="109"/>
      <c r="G28" s="109"/>
      <c r="H28" s="109"/>
      <c r="I28" s="109"/>
      <c r="J28" s="109"/>
    </row>
    <row r="29" spans="1:10" s="3" customFormat="1" ht="30" customHeight="1">
      <c r="B29" s="135"/>
      <c r="C29" s="9" t="s">
        <v>14</v>
      </c>
      <c r="D29" s="214" t="s">
        <v>14</v>
      </c>
      <c r="E29" s="215"/>
      <c r="F29" s="109"/>
      <c r="G29" s="109"/>
      <c r="H29" s="109"/>
      <c r="I29" s="109"/>
      <c r="J29" s="109"/>
    </row>
    <row r="30" spans="1:10" s="3" customFormat="1" ht="30" customHeight="1">
      <c r="A30" s="3" t="s">
        <v>14</v>
      </c>
      <c r="B30" s="135" t="s">
        <v>14</v>
      </c>
      <c r="C30" s="10"/>
      <c r="D30" s="214" t="s">
        <v>14</v>
      </c>
      <c r="E30" s="215"/>
      <c r="F30" s="109"/>
      <c r="G30" s="109"/>
      <c r="H30" s="109"/>
      <c r="I30" s="109"/>
      <c r="J30" s="109"/>
    </row>
    <row r="31" spans="1:10">
      <c r="B31" s="135"/>
      <c r="C31" s="3"/>
      <c r="D31" s="3"/>
      <c r="E31" s="3"/>
      <c r="F31" s="3"/>
      <c r="G31" s="3"/>
      <c r="H31" s="3"/>
      <c r="I31" s="3"/>
      <c r="J31" s="3"/>
    </row>
  </sheetData>
  <mergeCells count="33">
    <mergeCell ref="G9:J9"/>
    <mergeCell ref="A2:J2"/>
    <mergeCell ref="A3:J3"/>
    <mergeCell ref="B5:D5"/>
    <mergeCell ref="B6:D6"/>
    <mergeCell ref="B9:B10"/>
    <mergeCell ref="C9:C10"/>
    <mergeCell ref="D9:E10"/>
    <mergeCell ref="F9:F10"/>
    <mergeCell ref="D21:E21"/>
    <mergeCell ref="D22:E22"/>
    <mergeCell ref="D11:E11"/>
    <mergeCell ref="D12:E12"/>
    <mergeCell ref="D13:E13"/>
    <mergeCell ref="D14:E14"/>
    <mergeCell ref="D15:E15"/>
    <mergeCell ref="D16:E16"/>
    <mergeCell ref="D29:E29"/>
    <mergeCell ref="D30:E30"/>
    <mergeCell ref="F5:G5"/>
    <mergeCell ref="H5:J5"/>
    <mergeCell ref="F6:G6"/>
    <mergeCell ref="H6:J6"/>
    <mergeCell ref="D23:E23"/>
    <mergeCell ref="D24:E24"/>
    <mergeCell ref="D25:E25"/>
    <mergeCell ref="D26:E26"/>
    <mergeCell ref="D27:E27"/>
    <mergeCell ref="D28:E28"/>
    <mergeCell ref="D17:E17"/>
    <mergeCell ref="D18:E18"/>
    <mergeCell ref="D19:E19"/>
    <mergeCell ref="D20:E20"/>
  </mergeCells>
  <phoneticPr fontId="2"/>
  <pageMargins left="0.78740157480314965" right="0.19685039370078741" top="0.51181102362204722" bottom="0.51181102362204722" header="0.31496062992125984" footer="0.31496062992125984"/>
  <pageSetup paperSize="9" orientation="portrait" r:id="rId1"/>
  <headerFooter alignWithMargins="0">
    <oddHeader>&amp;L化学物質使用責任者用
（様式２‐１）</oddHead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J31"/>
  <sheetViews>
    <sheetView view="pageBreakPreview" zoomScaleNormal="100" zoomScaleSheetLayoutView="100" workbookViewId="0">
      <selection activeCell="J10" sqref="J10"/>
    </sheetView>
  </sheetViews>
  <sheetFormatPr defaultRowHeight="13.5"/>
  <cols>
    <col min="1" max="1" width="1.75" style="5" customWidth="1"/>
    <col min="2" max="2" width="3.75" style="5" customWidth="1"/>
    <col min="3" max="3" width="7.5" style="5" bestFit="1" customWidth="1"/>
    <col min="4" max="4" width="9" style="5"/>
    <col min="5" max="5" width="13.75" style="5" customWidth="1"/>
    <col min="6" max="6" width="7.625" style="5" customWidth="1"/>
    <col min="7" max="7" width="11.5" style="5" customWidth="1"/>
    <col min="8" max="8" width="11" style="5" customWidth="1"/>
    <col min="9" max="9" width="11.125" style="5" customWidth="1"/>
    <col min="10" max="10" width="11.625" style="5" customWidth="1"/>
    <col min="11" max="16384" width="9" style="5"/>
  </cols>
  <sheetData>
    <row r="2" spans="1:10" s="3" customFormat="1" ht="24">
      <c r="A2" s="220" t="s">
        <v>33</v>
      </c>
      <c r="B2" s="220"/>
      <c r="C2" s="220"/>
      <c r="D2" s="220"/>
      <c r="E2" s="220"/>
      <c r="F2" s="220"/>
      <c r="G2" s="220"/>
      <c r="H2" s="220"/>
      <c r="I2" s="220"/>
      <c r="J2" s="220"/>
    </row>
    <row r="3" spans="1:10" s="3" customFormat="1" ht="17.25">
      <c r="A3" s="221"/>
      <c r="B3" s="221"/>
      <c r="C3" s="221"/>
      <c r="D3" s="221"/>
      <c r="E3" s="221"/>
      <c r="F3" s="221"/>
      <c r="G3" s="221"/>
      <c r="H3" s="221"/>
      <c r="I3" s="221"/>
      <c r="J3" s="221"/>
    </row>
    <row r="4" spans="1:10" s="3" customFormat="1" ht="11.25" customHeight="1" thickBot="1">
      <c r="B4" s="6"/>
      <c r="C4" s="6"/>
      <c r="D4" s="6"/>
      <c r="E4" s="6"/>
      <c r="F4" s="6"/>
      <c r="G4" s="6"/>
      <c r="H4" s="6"/>
      <c r="I4" s="6"/>
      <c r="J4" s="6"/>
    </row>
    <row r="5" spans="1:10" s="3" customFormat="1" ht="29.25" customHeight="1" thickTop="1">
      <c r="B5" s="222" t="s">
        <v>16</v>
      </c>
      <c r="C5" s="223"/>
      <c r="D5" s="224"/>
      <c r="E5" s="405" t="s">
        <v>137</v>
      </c>
      <c r="F5" s="416"/>
      <c r="G5" s="256" t="s">
        <v>19</v>
      </c>
      <c r="H5" s="257"/>
      <c r="I5" s="417" t="s">
        <v>135</v>
      </c>
      <c r="J5" s="418"/>
    </row>
    <row r="6" spans="1:10" s="3" customFormat="1" ht="30" customHeight="1" thickBot="1">
      <c r="B6" s="225" t="s">
        <v>107</v>
      </c>
      <c r="C6" s="226"/>
      <c r="D6" s="227"/>
      <c r="E6" s="236" t="s">
        <v>203</v>
      </c>
      <c r="F6" s="237"/>
      <c r="G6" s="245" t="s">
        <v>4</v>
      </c>
      <c r="H6" s="246"/>
      <c r="I6" s="408" t="s">
        <v>162</v>
      </c>
      <c r="J6" s="410"/>
    </row>
    <row r="7" spans="1:10" s="3" customFormat="1" ht="14.25" thickTop="1"/>
    <row r="8" spans="1:10" s="3" customFormat="1"/>
    <row r="9" spans="1:10" s="3" customFormat="1" ht="20.25" customHeight="1">
      <c r="B9" s="216" t="s">
        <v>18</v>
      </c>
      <c r="C9" s="248" t="s">
        <v>34</v>
      </c>
      <c r="D9" s="249"/>
      <c r="E9" s="250"/>
      <c r="F9" s="228" t="s">
        <v>141</v>
      </c>
      <c r="G9" s="230" t="s">
        <v>15</v>
      </c>
      <c r="H9" s="231"/>
      <c r="I9" s="231"/>
      <c r="J9" s="232"/>
    </row>
    <row r="10" spans="1:10" s="3" customFormat="1" ht="36" customHeight="1">
      <c r="B10" s="217"/>
      <c r="C10" s="251"/>
      <c r="D10" s="252"/>
      <c r="E10" s="253"/>
      <c r="F10" s="229"/>
      <c r="G10" s="163" t="s">
        <v>202</v>
      </c>
      <c r="H10" s="7" t="s">
        <v>200</v>
      </c>
      <c r="I10" s="7" t="s">
        <v>200</v>
      </c>
      <c r="J10" s="7" t="s">
        <v>200</v>
      </c>
    </row>
    <row r="11" spans="1:10" s="3" customFormat="1" ht="30" customHeight="1">
      <c r="B11" s="136">
        <v>8</v>
      </c>
      <c r="C11" s="413" t="s">
        <v>158</v>
      </c>
      <c r="D11" s="414"/>
      <c r="E11" s="415"/>
      <c r="F11" s="162" t="s">
        <v>115</v>
      </c>
      <c r="G11" s="162" t="s">
        <v>117</v>
      </c>
      <c r="H11" s="152"/>
      <c r="I11" s="152"/>
      <c r="J11" s="152"/>
    </row>
    <row r="12" spans="1:10" s="3" customFormat="1" ht="30" customHeight="1">
      <c r="B12" s="8"/>
      <c r="C12" s="240" t="s">
        <v>14</v>
      </c>
      <c r="D12" s="241"/>
      <c r="E12" s="242"/>
      <c r="F12" s="152"/>
      <c r="G12" s="152"/>
      <c r="H12" s="152"/>
      <c r="I12" s="152"/>
      <c r="J12" s="152"/>
    </row>
    <row r="13" spans="1:10" s="3" customFormat="1" ht="30" customHeight="1">
      <c r="B13" s="8"/>
      <c r="C13" s="240" t="s">
        <v>14</v>
      </c>
      <c r="D13" s="241"/>
      <c r="E13" s="242"/>
      <c r="F13" s="152"/>
      <c r="G13" s="152"/>
      <c r="H13" s="152"/>
      <c r="I13" s="152"/>
      <c r="J13" s="152"/>
    </row>
    <row r="14" spans="1:10" s="3" customFormat="1" ht="30" customHeight="1">
      <c r="B14" s="8"/>
      <c r="C14" s="240" t="s">
        <v>14</v>
      </c>
      <c r="D14" s="241"/>
      <c r="E14" s="242"/>
      <c r="F14" s="152"/>
      <c r="G14" s="152"/>
      <c r="H14" s="152"/>
      <c r="I14" s="152"/>
      <c r="J14" s="152"/>
    </row>
    <row r="15" spans="1:10" s="3" customFormat="1" ht="30" customHeight="1">
      <c r="B15" s="8"/>
      <c r="C15" s="240" t="s">
        <v>14</v>
      </c>
      <c r="D15" s="241"/>
      <c r="E15" s="242"/>
      <c r="F15" s="152"/>
      <c r="G15" s="152"/>
      <c r="H15" s="152"/>
      <c r="I15" s="152"/>
      <c r="J15" s="152"/>
    </row>
    <row r="16" spans="1:10" s="3" customFormat="1" ht="30" customHeight="1">
      <c r="B16" s="8"/>
      <c r="C16" s="240" t="s">
        <v>14</v>
      </c>
      <c r="D16" s="241"/>
      <c r="E16" s="242"/>
      <c r="F16" s="152"/>
      <c r="G16" s="152"/>
      <c r="H16" s="152"/>
      <c r="I16" s="152"/>
      <c r="J16" s="152"/>
    </row>
    <row r="17" spans="1:10" s="3" customFormat="1" ht="30" customHeight="1">
      <c r="B17" s="8"/>
      <c r="C17" s="240" t="s">
        <v>14</v>
      </c>
      <c r="D17" s="241"/>
      <c r="E17" s="242"/>
      <c r="F17" s="152"/>
      <c r="G17" s="152"/>
      <c r="H17" s="152"/>
      <c r="I17" s="152"/>
      <c r="J17" s="152"/>
    </row>
    <row r="18" spans="1:10" s="3" customFormat="1" ht="30" customHeight="1">
      <c r="B18" s="8"/>
      <c r="C18" s="240" t="s">
        <v>14</v>
      </c>
      <c r="D18" s="241"/>
      <c r="E18" s="242"/>
      <c r="F18" s="152"/>
      <c r="G18" s="152"/>
      <c r="H18" s="152"/>
      <c r="I18" s="152"/>
      <c r="J18" s="152"/>
    </row>
    <row r="19" spans="1:10" s="3" customFormat="1" ht="30" customHeight="1">
      <c r="B19" s="8"/>
      <c r="C19" s="240" t="s">
        <v>14</v>
      </c>
      <c r="D19" s="241"/>
      <c r="E19" s="242"/>
      <c r="F19" s="152"/>
      <c r="G19" s="152"/>
      <c r="H19" s="152"/>
      <c r="I19" s="152"/>
      <c r="J19" s="152"/>
    </row>
    <row r="20" spans="1:10" s="3" customFormat="1" ht="30" customHeight="1">
      <c r="B20" s="8"/>
      <c r="C20" s="240" t="s">
        <v>14</v>
      </c>
      <c r="D20" s="241"/>
      <c r="E20" s="242"/>
      <c r="F20" s="152"/>
      <c r="G20" s="152"/>
      <c r="H20" s="152"/>
      <c r="I20" s="152"/>
      <c r="J20" s="152"/>
    </row>
    <row r="21" spans="1:10" s="3" customFormat="1" ht="30" customHeight="1">
      <c r="B21" s="8"/>
      <c r="C21" s="240" t="s">
        <v>14</v>
      </c>
      <c r="D21" s="241"/>
      <c r="E21" s="242"/>
      <c r="F21" s="152"/>
      <c r="G21" s="152"/>
      <c r="H21" s="152"/>
      <c r="I21" s="152"/>
      <c r="J21" s="152"/>
    </row>
    <row r="22" spans="1:10" s="3" customFormat="1" ht="30" customHeight="1">
      <c r="B22" s="8"/>
      <c r="C22" s="240" t="s">
        <v>14</v>
      </c>
      <c r="D22" s="241"/>
      <c r="E22" s="242"/>
      <c r="F22" s="152"/>
      <c r="G22" s="152"/>
      <c r="H22" s="152"/>
      <c r="I22" s="152"/>
      <c r="J22" s="152"/>
    </row>
    <row r="23" spans="1:10" s="3" customFormat="1" ht="30" customHeight="1">
      <c r="B23" s="8"/>
      <c r="C23" s="240" t="s">
        <v>14</v>
      </c>
      <c r="D23" s="241"/>
      <c r="E23" s="242"/>
      <c r="F23" s="152"/>
      <c r="G23" s="152"/>
      <c r="H23" s="152"/>
      <c r="I23" s="152"/>
      <c r="J23" s="152"/>
    </row>
    <row r="24" spans="1:10" s="3" customFormat="1" ht="30" customHeight="1">
      <c r="B24" s="8"/>
      <c r="C24" s="240" t="s">
        <v>14</v>
      </c>
      <c r="D24" s="241"/>
      <c r="E24" s="242"/>
      <c r="F24" s="152"/>
      <c r="G24" s="152"/>
      <c r="H24" s="152"/>
      <c r="I24" s="152"/>
      <c r="J24" s="152"/>
    </row>
    <row r="25" spans="1:10" s="3" customFormat="1" ht="30" customHeight="1">
      <c r="B25" s="8" t="s">
        <v>14</v>
      </c>
      <c r="C25" s="240" t="s">
        <v>14</v>
      </c>
      <c r="D25" s="241"/>
      <c r="E25" s="242"/>
      <c r="F25" s="152"/>
      <c r="G25" s="152"/>
      <c r="H25" s="152"/>
      <c r="I25" s="152"/>
      <c r="J25" s="152"/>
    </row>
    <row r="26" spans="1:10" s="3" customFormat="1" ht="30" customHeight="1">
      <c r="B26" s="8"/>
      <c r="C26" s="240" t="s">
        <v>14</v>
      </c>
      <c r="D26" s="241"/>
      <c r="E26" s="242"/>
      <c r="F26" s="152"/>
      <c r="G26" s="152"/>
      <c r="H26" s="152"/>
      <c r="I26" s="152"/>
      <c r="J26" s="152"/>
    </row>
    <row r="27" spans="1:10" s="3" customFormat="1" ht="30" customHeight="1">
      <c r="B27" s="8" t="s">
        <v>14</v>
      </c>
      <c r="C27" s="240" t="s">
        <v>14</v>
      </c>
      <c r="D27" s="241"/>
      <c r="E27" s="242"/>
      <c r="F27" s="152"/>
      <c r="G27" s="152"/>
      <c r="H27" s="152"/>
      <c r="I27" s="152"/>
      <c r="J27" s="152"/>
    </row>
    <row r="28" spans="1:10" s="3" customFormat="1" ht="30" customHeight="1">
      <c r="B28" s="8"/>
      <c r="C28" s="240" t="s">
        <v>14</v>
      </c>
      <c r="D28" s="241"/>
      <c r="E28" s="242"/>
      <c r="F28" s="152"/>
      <c r="G28" s="152"/>
      <c r="H28" s="152"/>
      <c r="I28" s="152"/>
      <c r="J28" s="152"/>
    </row>
    <row r="29" spans="1:10" s="3" customFormat="1" ht="30" customHeight="1">
      <c r="B29" s="8"/>
      <c r="C29" s="240" t="s">
        <v>14</v>
      </c>
      <c r="D29" s="241"/>
      <c r="E29" s="242"/>
      <c r="F29" s="152"/>
      <c r="G29" s="152"/>
      <c r="H29" s="152"/>
      <c r="I29" s="152"/>
      <c r="J29" s="152"/>
    </row>
    <row r="30" spans="1:10" s="3" customFormat="1" ht="30" customHeight="1">
      <c r="A30" s="3" t="s">
        <v>14</v>
      </c>
      <c r="B30" s="10" t="s">
        <v>14</v>
      </c>
      <c r="C30" s="240" t="s">
        <v>14</v>
      </c>
      <c r="D30" s="241"/>
      <c r="E30" s="242"/>
      <c r="F30" s="152"/>
      <c r="G30" s="152"/>
      <c r="H30" s="152"/>
      <c r="I30" s="152"/>
      <c r="J30" s="152"/>
    </row>
    <row r="31" spans="1:10">
      <c r="B31" s="3"/>
      <c r="C31" s="3"/>
      <c r="D31" s="3"/>
      <c r="E31" s="3"/>
      <c r="F31" s="3"/>
      <c r="G31" s="3"/>
      <c r="H31" s="3"/>
      <c r="I31" s="3"/>
      <c r="J31" s="3"/>
    </row>
  </sheetData>
  <mergeCells count="34">
    <mergeCell ref="A2:J2"/>
    <mergeCell ref="A3:J3"/>
    <mergeCell ref="B5:D5"/>
    <mergeCell ref="E5:F5"/>
    <mergeCell ref="G5:H5"/>
    <mergeCell ref="I5:J5"/>
    <mergeCell ref="B6:D6"/>
    <mergeCell ref="E6:F6"/>
    <mergeCell ref="G6:H6"/>
    <mergeCell ref="I6:J6"/>
    <mergeCell ref="B9:B10"/>
    <mergeCell ref="C9:E10"/>
    <mergeCell ref="F9:F10"/>
    <mergeCell ref="G9:J9"/>
    <mergeCell ref="C22:E22"/>
    <mergeCell ref="C11:E11"/>
    <mergeCell ref="C12:E12"/>
    <mergeCell ref="C13:E13"/>
    <mergeCell ref="C14:E14"/>
    <mergeCell ref="C15:E15"/>
    <mergeCell ref="C16:E16"/>
    <mergeCell ref="C17:E17"/>
    <mergeCell ref="C18:E18"/>
    <mergeCell ref="C19:E19"/>
    <mergeCell ref="C20:E20"/>
    <mergeCell ref="C21:E21"/>
    <mergeCell ref="C29:E29"/>
    <mergeCell ref="C30:E30"/>
    <mergeCell ref="C23:E23"/>
    <mergeCell ref="C24:E24"/>
    <mergeCell ref="C25:E25"/>
    <mergeCell ref="C26:E26"/>
    <mergeCell ref="C27:E27"/>
    <mergeCell ref="C28:E28"/>
  </mergeCells>
  <phoneticPr fontId="2"/>
  <pageMargins left="0.78740157480314965" right="0.19685039370078741" top="0.51181102362204722" bottom="0.51181102362204722" header="0.31496062992125984" footer="0.31496062992125984"/>
  <pageSetup paperSize="9" orientation="portrait" r:id="rId1"/>
  <headerFooter alignWithMargins="0">
    <oddHeader>&amp;L化学物質使用責任者用
（様式２‐２）</oddHead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R54"/>
  <sheetViews>
    <sheetView view="pageBreakPreview" zoomScaleNormal="100" zoomScaleSheetLayoutView="100" workbookViewId="0">
      <selection activeCell="V25" sqref="V25"/>
    </sheetView>
  </sheetViews>
  <sheetFormatPr defaultRowHeight="13.5"/>
  <cols>
    <col min="1" max="1" width="2.875" style="53" customWidth="1"/>
    <col min="2" max="2" width="5.625" style="53" customWidth="1"/>
    <col min="3" max="3" width="5.375" style="53" customWidth="1"/>
    <col min="4" max="4" width="3.625" style="53" customWidth="1"/>
    <col min="5" max="5" width="6.625" style="53" customWidth="1"/>
    <col min="6" max="6" width="3" style="53" customWidth="1"/>
    <col min="7" max="7" width="10.625" style="53" customWidth="1"/>
    <col min="8" max="8" width="15.625" style="53" customWidth="1"/>
    <col min="9" max="9" width="2.125" style="53" customWidth="1"/>
    <col min="10" max="10" width="9.375" style="53" customWidth="1"/>
    <col min="11" max="11" width="2.625" style="53" customWidth="1"/>
    <col min="12" max="12" width="2.125" style="53" customWidth="1"/>
    <col min="13" max="13" width="9.375" style="53" customWidth="1"/>
    <col min="14" max="14" width="2.375" style="53" customWidth="1"/>
    <col min="15" max="16" width="8.625" style="53" customWidth="1"/>
    <col min="17" max="16384" width="9" style="53"/>
  </cols>
  <sheetData>
    <row r="1" spans="1:16" ht="28.5">
      <c r="A1" s="319" t="s">
        <v>94</v>
      </c>
      <c r="B1" s="319"/>
      <c r="C1" s="319"/>
      <c r="D1" s="319"/>
      <c r="E1" s="319"/>
      <c r="F1" s="319"/>
      <c r="G1" s="319"/>
      <c r="H1" s="319"/>
      <c r="I1" s="319"/>
      <c r="J1" s="319"/>
      <c r="K1" s="319"/>
      <c r="L1" s="319"/>
      <c r="M1" s="319"/>
      <c r="N1" s="319"/>
      <c r="O1" s="319"/>
      <c r="P1" s="319"/>
    </row>
    <row r="2" spans="1:16" ht="9" customHeight="1" thickBot="1">
      <c r="A2" s="155"/>
      <c r="B2" s="155"/>
      <c r="C2" s="155"/>
      <c r="D2" s="155"/>
      <c r="E2" s="155"/>
      <c r="F2" s="155"/>
      <c r="G2" s="155"/>
      <c r="H2" s="155"/>
      <c r="I2" s="155"/>
      <c r="J2" s="155"/>
      <c r="K2" s="155"/>
      <c r="L2" s="155"/>
      <c r="M2" s="155"/>
      <c r="N2" s="155"/>
      <c r="O2" s="155"/>
      <c r="P2" s="155"/>
    </row>
    <row r="3" spans="1:16" ht="15" customHeight="1" thickTop="1">
      <c r="A3" s="271" t="s">
        <v>7</v>
      </c>
      <c r="B3" s="444" t="s">
        <v>158</v>
      </c>
      <c r="C3" s="444"/>
      <c r="D3" s="444"/>
      <c r="E3" s="444"/>
      <c r="F3" s="444"/>
      <c r="G3" s="444"/>
      <c r="H3" s="445"/>
      <c r="I3" s="320" t="s">
        <v>78</v>
      </c>
      <c r="J3" s="321"/>
      <c r="K3" s="321"/>
      <c r="L3" s="322" t="s">
        <v>79</v>
      </c>
      <c r="M3" s="323"/>
      <c r="N3" s="324" t="s">
        <v>8</v>
      </c>
      <c r="O3" s="325"/>
      <c r="P3" s="326"/>
    </row>
    <row r="4" spans="1:16" ht="21" customHeight="1">
      <c r="A4" s="272"/>
      <c r="B4" s="446"/>
      <c r="C4" s="446"/>
      <c r="D4" s="446"/>
      <c r="E4" s="446"/>
      <c r="F4" s="446"/>
      <c r="G4" s="446"/>
      <c r="H4" s="447"/>
      <c r="I4" s="448" t="s">
        <v>160</v>
      </c>
      <c r="J4" s="449"/>
      <c r="K4" s="449"/>
      <c r="L4" s="450" t="s">
        <v>161</v>
      </c>
      <c r="M4" s="451"/>
      <c r="N4" s="452" t="s">
        <v>82</v>
      </c>
      <c r="O4" s="453"/>
      <c r="P4" s="454"/>
    </row>
    <row r="5" spans="1:16" ht="27.95" customHeight="1">
      <c r="A5" s="433" t="s">
        <v>157</v>
      </c>
      <c r="B5" s="434"/>
      <c r="C5" s="161">
        <v>8</v>
      </c>
      <c r="D5" s="157" t="s">
        <v>152</v>
      </c>
      <c r="E5" s="435" t="s">
        <v>111</v>
      </c>
      <c r="F5" s="436"/>
      <c r="G5" s="86" t="s">
        <v>116</v>
      </c>
      <c r="H5" s="160" t="s">
        <v>115</v>
      </c>
      <c r="I5" s="338" t="s">
        <v>187</v>
      </c>
      <c r="J5" s="339"/>
      <c r="K5" s="339"/>
      <c r="L5" s="339"/>
      <c r="M5" s="339"/>
      <c r="N5" s="339"/>
      <c r="O5" s="339"/>
      <c r="P5" s="340"/>
    </row>
    <row r="6" spans="1:16" ht="24.95" customHeight="1">
      <c r="A6" s="341" t="s">
        <v>151</v>
      </c>
      <c r="B6" s="342"/>
      <c r="C6" s="276"/>
      <c r="D6" s="275" t="s">
        <v>154</v>
      </c>
      <c r="E6" s="342"/>
      <c r="F6" s="276"/>
      <c r="G6" s="275" t="s">
        <v>9</v>
      </c>
      <c r="H6" s="276"/>
      <c r="I6" s="54"/>
      <c r="J6" s="153" t="s">
        <v>155</v>
      </c>
      <c r="K6" s="55"/>
      <c r="L6" s="54"/>
      <c r="M6" s="56" t="s">
        <v>156</v>
      </c>
      <c r="N6" s="55"/>
      <c r="O6" s="351" t="s">
        <v>10</v>
      </c>
      <c r="P6" s="354" t="s">
        <v>11</v>
      </c>
    </row>
    <row r="7" spans="1:16" ht="9.9499999999999993" customHeight="1">
      <c r="A7" s="343"/>
      <c r="B7" s="344"/>
      <c r="C7" s="345"/>
      <c r="D7" s="349"/>
      <c r="E7" s="344"/>
      <c r="F7" s="345"/>
      <c r="G7" s="277" t="s">
        <v>77</v>
      </c>
      <c r="H7" s="278"/>
      <c r="I7" s="57" t="s">
        <v>73</v>
      </c>
      <c r="J7" s="154" t="s">
        <v>86</v>
      </c>
      <c r="K7" s="58"/>
      <c r="L7" s="57" t="s">
        <v>73</v>
      </c>
      <c r="M7" s="357" t="s">
        <v>92</v>
      </c>
      <c r="N7" s="358"/>
      <c r="O7" s="352"/>
      <c r="P7" s="355"/>
    </row>
    <row r="8" spans="1:16" ht="9.9499999999999993" customHeight="1">
      <c r="A8" s="343"/>
      <c r="B8" s="344"/>
      <c r="C8" s="345"/>
      <c r="D8" s="349"/>
      <c r="E8" s="344"/>
      <c r="F8" s="345"/>
      <c r="G8" s="277"/>
      <c r="H8" s="278"/>
      <c r="I8" s="59" t="s">
        <v>87</v>
      </c>
      <c r="J8" s="359" t="s">
        <v>88</v>
      </c>
      <c r="K8" s="360"/>
      <c r="L8" s="59" t="s">
        <v>87</v>
      </c>
      <c r="M8" s="359" t="s">
        <v>91</v>
      </c>
      <c r="N8" s="360"/>
      <c r="O8" s="352"/>
      <c r="P8" s="355"/>
    </row>
    <row r="9" spans="1:16" ht="9.9499999999999993" customHeight="1">
      <c r="A9" s="346"/>
      <c r="B9" s="347"/>
      <c r="C9" s="348"/>
      <c r="D9" s="350"/>
      <c r="E9" s="347"/>
      <c r="F9" s="348"/>
      <c r="G9" s="279"/>
      <c r="H9" s="280"/>
      <c r="I9" s="60" t="s">
        <v>89</v>
      </c>
      <c r="J9" s="332" t="s">
        <v>90</v>
      </c>
      <c r="K9" s="333"/>
      <c r="L9" s="61"/>
      <c r="M9" s="62"/>
      <c r="N9" s="63"/>
      <c r="O9" s="353"/>
      <c r="P9" s="356"/>
    </row>
    <row r="10" spans="1:16" ht="24.95" customHeight="1">
      <c r="A10" s="419">
        <v>43200</v>
      </c>
      <c r="B10" s="420"/>
      <c r="C10" s="421"/>
      <c r="D10" s="425">
        <v>100</v>
      </c>
      <c r="E10" s="426"/>
      <c r="F10" s="429" t="s">
        <v>153</v>
      </c>
      <c r="G10" s="431" t="s">
        <v>159</v>
      </c>
      <c r="H10" s="432"/>
      <c r="I10" s="64"/>
      <c r="J10" s="65"/>
      <c r="K10" s="66" t="s">
        <v>153</v>
      </c>
      <c r="L10" s="64"/>
      <c r="M10" s="52">
        <v>100</v>
      </c>
      <c r="N10" s="51" t="s">
        <v>153</v>
      </c>
      <c r="O10" s="437" t="s">
        <v>75</v>
      </c>
      <c r="P10" s="439" t="s">
        <v>75</v>
      </c>
    </row>
    <row r="11" spans="1:16" ht="15" customHeight="1">
      <c r="A11" s="422"/>
      <c r="B11" s="423"/>
      <c r="C11" s="424"/>
      <c r="D11" s="427"/>
      <c r="E11" s="428"/>
      <c r="F11" s="430"/>
      <c r="G11" s="303"/>
      <c r="H11" s="304"/>
      <c r="I11" s="297"/>
      <c r="J11" s="298"/>
      <c r="K11" s="299"/>
      <c r="L11" s="441" t="s">
        <v>85</v>
      </c>
      <c r="M11" s="442"/>
      <c r="N11" s="443"/>
      <c r="O11" s="438" t="s">
        <v>74</v>
      </c>
      <c r="P11" s="440" t="s">
        <v>74</v>
      </c>
    </row>
    <row r="12" spans="1:16" ht="24.95" customHeight="1">
      <c r="A12" s="283"/>
      <c r="B12" s="284"/>
      <c r="C12" s="285"/>
      <c r="D12" s="289"/>
      <c r="E12" s="290"/>
      <c r="F12" s="293" t="s">
        <v>153</v>
      </c>
      <c r="G12" s="303"/>
      <c r="H12" s="304"/>
      <c r="I12" s="64"/>
      <c r="J12" s="65"/>
      <c r="K12" s="66" t="s">
        <v>153</v>
      </c>
      <c r="L12" s="64"/>
      <c r="M12" s="65"/>
      <c r="N12" s="66" t="s">
        <v>153</v>
      </c>
      <c r="O12" s="295"/>
      <c r="P12" s="316"/>
    </row>
    <row r="13" spans="1:16" ht="15" customHeight="1">
      <c r="A13" s="286"/>
      <c r="B13" s="287"/>
      <c r="C13" s="288"/>
      <c r="D13" s="291"/>
      <c r="E13" s="292"/>
      <c r="F13" s="294"/>
      <c r="G13" s="303"/>
      <c r="H13" s="304"/>
      <c r="I13" s="297"/>
      <c r="J13" s="298"/>
      <c r="K13" s="299"/>
      <c r="L13" s="300"/>
      <c r="M13" s="301"/>
      <c r="N13" s="302"/>
      <c r="O13" s="305"/>
      <c r="P13" s="318"/>
    </row>
    <row r="14" spans="1:16" ht="24.95" customHeight="1">
      <c r="A14" s="283"/>
      <c r="B14" s="284"/>
      <c r="C14" s="285"/>
      <c r="D14" s="289"/>
      <c r="E14" s="290"/>
      <c r="F14" s="293" t="s">
        <v>153</v>
      </c>
      <c r="G14" s="303"/>
      <c r="H14" s="304"/>
      <c r="I14" s="64"/>
      <c r="J14" s="65"/>
      <c r="K14" s="66" t="s">
        <v>153</v>
      </c>
      <c r="L14" s="64"/>
      <c r="M14" s="65"/>
      <c r="N14" s="66" t="s">
        <v>153</v>
      </c>
      <c r="O14" s="295"/>
      <c r="P14" s="316"/>
    </row>
    <row r="15" spans="1:16" ht="15" customHeight="1">
      <c r="A15" s="286"/>
      <c r="B15" s="287"/>
      <c r="C15" s="288"/>
      <c r="D15" s="291"/>
      <c r="E15" s="292"/>
      <c r="F15" s="294"/>
      <c r="G15" s="303"/>
      <c r="H15" s="304"/>
      <c r="I15" s="297"/>
      <c r="J15" s="298"/>
      <c r="K15" s="299"/>
      <c r="L15" s="300"/>
      <c r="M15" s="301"/>
      <c r="N15" s="302"/>
      <c r="O15" s="305"/>
      <c r="P15" s="318"/>
    </row>
    <row r="16" spans="1:16" ht="24.95" customHeight="1">
      <c r="A16" s="283"/>
      <c r="B16" s="284"/>
      <c r="C16" s="285"/>
      <c r="D16" s="289"/>
      <c r="E16" s="290"/>
      <c r="F16" s="293" t="s">
        <v>153</v>
      </c>
      <c r="G16" s="303"/>
      <c r="H16" s="304"/>
      <c r="I16" s="64"/>
      <c r="J16" s="65"/>
      <c r="K16" s="66" t="s">
        <v>153</v>
      </c>
      <c r="L16" s="64"/>
      <c r="M16" s="65"/>
      <c r="N16" s="66" t="s">
        <v>153</v>
      </c>
      <c r="O16" s="295"/>
      <c r="P16" s="316"/>
    </row>
    <row r="17" spans="1:18" ht="15" customHeight="1">
      <c r="A17" s="286"/>
      <c r="B17" s="287"/>
      <c r="C17" s="288"/>
      <c r="D17" s="291"/>
      <c r="E17" s="292"/>
      <c r="F17" s="294"/>
      <c r="G17" s="303"/>
      <c r="H17" s="304"/>
      <c r="I17" s="297"/>
      <c r="J17" s="298"/>
      <c r="K17" s="299"/>
      <c r="L17" s="300"/>
      <c r="M17" s="301"/>
      <c r="N17" s="302"/>
      <c r="O17" s="305"/>
      <c r="P17" s="318"/>
    </row>
    <row r="18" spans="1:18" ht="24.95" customHeight="1">
      <c r="A18" s="283"/>
      <c r="B18" s="284"/>
      <c r="C18" s="285"/>
      <c r="D18" s="289"/>
      <c r="E18" s="290"/>
      <c r="F18" s="293" t="s">
        <v>153</v>
      </c>
      <c r="G18" s="303"/>
      <c r="H18" s="304"/>
      <c r="I18" s="64"/>
      <c r="J18" s="65"/>
      <c r="K18" s="66" t="s">
        <v>153</v>
      </c>
      <c r="L18" s="64"/>
      <c r="M18" s="65"/>
      <c r="N18" s="66" t="s">
        <v>153</v>
      </c>
      <c r="O18" s="295"/>
      <c r="P18" s="316"/>
      <c r="R18" s="53" t="s">
        <v>0</v>
      </c>
    </row>
    <row r="19" spans="1:18" ht="15" customHeight="1">
      <c r="A19" s="286"/>
      <c r="B19" s="287"/>
      <c r="C19" s="288"/>
      <c r="D19" s="291"/>
      <c r="E19" s="292"/>
      <c r="F19" s="294"/>
      <c r="G19" s="303"/>
      <c r="H19" s="304"/>
      <c r="I19" s="297"/>
      <c r="J19" s="298"/>
      <c r="K19" s="299"/>
      <c r="L19" s="300"/>
      <c r="M19" s="301"/>
      <c r="N19" s="302"/>
      <c r="O19" s="305"/>
      <c r="P19" s="318"/>
    </row>
    <row r="20" spans="1:18" ht="24.95" customHeight="1">
      <c r="A20" s="283"/>
      <c r="B20" s="284"/>
      <c r="C20" s="285"/>
      <c r="D20" s="289"/>
      <c r="E20" s="290"/>
      <c r="F20" s="293" t="s">
        <v>153</v>
      </c>
      <c r="G20" s="303"/>
      <c r="H20" s="304"/>
      <c r="I20" s="64"/>
      <c r="J20" s="65"/>
      <c r="K20" s="159" t="s">
        <v>153</v>
      </c>
      <c r="L20" s="64"/>
      <c r="M20" s="65"/>
      <c r="N20" s="66" t="s">
        <v>153</v>
      </c>
      <c r="O20" s="295"/>
      <c r="P20" s="316"/>
    </row>
    <row r="21" spans="1:18" ht="15" customHeight="1">
      <c r="A21" s="286"/>
      <c r="B21" s="287"/>
      <c r="C21" s="288"/>
      <c r="D21" s="291"/>
      <c r="E21" s="292"/>
      <c r="F21" s="294"/>
      <c r="G21" s="303"/>
      <c r="H21" s="304"/>
      <c r="I21" s="297"/>
      <c r="J21" s="298"/>
      <c r="K21" s="299"/>
      <c r="L21" s="300"/>
      <c r="M21" s="301"/>
      <c r="N21" s="302"/>
      <c r="O21" s="305"/>
      <c r="P21" s="318"/>
    </row>
    <row r="22" spans="1:18" ht="24.95" customHeight="1">
      <c r="A22" s="283"/>
      <c r="B22" s="284"/>
      <c r="C22" s="285"/>
      <c r="D22" s="289"/>
      <c r="E22" s="290"/>
      <c r="F22" s="293" t="s">
        <v>153</v>
      </c>
      <c r="G22" s="303"/>
      <c r="H22" s="304"/>
      <c r="I22" s="64"/>
      <c r="J22" s="65"/>
      <c r="K22" s="159" t="s">
        <v>153</v>
      </c>
      <c r="L22" s="64"/>
      <c r="M22" s="65"/>
      <c r="N22" s="159" t="s">
        <v>153</v>
      </c>
      <c r="O22" s="295"/>
      <c r="P22" s="316"/>
    </row>
    <row r="23" spans="1:18" ht="15" customHeight="1">
      <c r="A23" s="286"/>
      <c r="B23" s="287"/>
      <c r="C23" s="288"/>
      <c r="D23" s="291"/>
      <c r="E23" s="292"/>
      <c r="F23" s="294"/>
      <c r="G23" s="303"/>
      <c r="H23" s="304"/>
      <c r="I23" s="297"/>
      <c r="J23" s="298"/>
      <c r="K23" s="299"/>
      <c r="L23" s="300"/>
      <c r="M23" s="301"/>
      <c r="N23" s="302"/>
      <c r="O23" s="305"/>
      <c r="P23" s="318"/>
    </row>
    <row r="24" spans="1:18" ht="24.95" customHeight="1">
      <c r="A24" s="283"/>
      <c r="B24" s="284"/>
      <c r="C24" s="285"/>
      <c r="D24" s="289"/>
      <c r="E24" s="290"/>
      <c r="F24" s="293" t="s">
        <v>153</v>
      </c>
      <c r="G24" s="303"/>
      <c r="H24" s="304"/>
      <c r="I24" s="64"/>
      <c r="J24" s="65"/>
      <c r="K24" s="159" t="s">
        <v>153</v>
      </c>
      <c r="L24" s="64"/>
      <c r="M24" s="65"/>
      <c r="N24" s="159" t="s">
        <v>153</v>
      </c>
      <c r="O24" s="295"/>
      <c r="P24" s="316"/>
    </row>
    <row r="25" spans="1:18" ht="15" customHeight="1">
      <c r="A25" s="286"/>
      <c r="B25" s="287"/>
      <c r="C25" s="288"/>
      <c r="D25" s="291"/>
      <c r="E25" s="292"/>
      <c r="F25" s="294"/>
      <c r="G25" s="303"/>
      <c r="H25" s="304"/>
      <c r="I25" s="297"/>
      <c r="J25" s="298"/>
      <c r="K25" s="299"/>
      <c r="L25" s="300"/>
      <c r="M25" s="301"/>
      <c r="N25" s="302"/>
      <c r="O25" s="305"/>
      <c r="P25" s="318"/>
    </row>
    <row r="26" spans="1:18" ht="24.95" customHeight="1">
      <c r="A26" s="283"/>
      <c r="B26" s="284"/>
      <c r="C26" s="285"/>
      <c r="D26" s="289"/>
      <c r="E26" s="290"/>
      <c r="F26" s="293" t="s">
        <v>153</v>
      </c>
      <c r="G26" s="303"/>
      <c r="H26" s="304"/>
      <c r="I26" s="64"/>
      <c r="J26" s="65"/>
      <c r="K26" s="159" t="s">
        <v>153</v>
      </c>
      <c r="L26" s="64"/>
      <c r="M26" s="65"/>
      <c r="N26" s="159" t="s">
        <v>153</v>
      </c>
      <c r="O26" s="295"/>
      <c r="P26" s="316"/>
    </row>
    <row r="27" spans="1:18" ht="15" customHeight="1">
      <c r="A27" s="286"/>
      <c r="B27" s="287"/>
      <c r="C27" s="288"/>
      <c r="D27" s="291"/>
      <c r="E27" s="292"/>
      <c r="F27" s="294"/>
      <c r="G27" s="303"/>
      <c r="H27" s="304"/>
      <c r="I27" s="297"/>
      <c r="J27" s="298"/>
      <c r="K27" s="299"/>
      <c r="L27" s="300"/>
      <c r="M27" s="301"/>
      <c r="N27" s="302"/>
      <c r="O27" s="305"/>
      <c r="P27" s="318"/>
    </row>
    <row r="28" spans="1:18" ht="24.95" customHeight="1">
      <c r="A28" s="283"/>
      <c r="B28" s="284"/>
      <c r="C28" s="285"/>
      <c r="D28" s="289"/>
      <c r="E28" s="290"/>
      <c r="F28" s="293" t="s">
        <v>153</v>
      </c>
      <c r="G28" s="303"/>
      <c r="H28" s="304"/>
      <c r="I28" s="64"/>
      <c r="J28" s="65"/>
      <c r="K28" s="159" t="s">
        <v>153</v>
      </c>
      <c r="L28" s="64"/>
      <c r="M28" s="65"/>
      <c r="N28" s="159" t="s">
        <v>153</v>
      </c>
      <c r="O28" s="295"/>
      <c r="P28" s="316"/>
    </row>
    <row r="29" spans="1:18" ht="15" customHeight="1">
      <c r="A29" s="286"/>
      <c r="B29" s="287"/>
      <c r="C29" s="288"/>
      <c r="D29" s="291"/>
      <c r="E29" s="292"/>
      <c r="F29" s="294"/>
      <c r="G29" s="303"/>
      <c r="H29" s="304"/>
      <c r="I29" s="297"/>
      <c r="J29" s="298"/>
      <c r="K29" s="299"/>
      <c r="L29" s="300"/>
      <c r="M29" s="301"/>
      <c r="N29" s="302"/>
      <c r="O29" s="305"/>
      <c r="P29" s="318"/>
    </row>
    <row r="30" spans="1:18" ht="24.95" customHeight="1">
      <c r="A30" s="283"/>
      <c r="B30" s="284"/>
      <c r="C30" s="285"/>
      <c r="D30" s="289"/>
      <c r="E30" s="290"/>
      <c r="F30" s="293" t="s">
        <v>153</v>
      </c>
      <c r="G30" s="303"/>
      <c r="H30" s="304"/>
      <c r="I30" s="64"/>
      <c r="J30" s="65"/>
      <c r="K30" s="159" t="s">
        <v>153</v>
      </c>
      <c r="L30" s="64"/>
      <c r="M30" s="65"/>
      <c r="N30" s="159" t="s">
        <v>153</v>
      </c>
      <c r="O30" s="295"/>
      <c r="P30" s="316"/>
    </row>
    <row r="31" spans="1:18" ht="15" customHeight="1">
      <c r="A31" s="286"/>
      <c r="B31" s="287"/>
      <c r="C31" s="288"/>
      <c r="D31" s="291"/>
      <c r="E31" s="292"/>
      <c r="F31" s="294"/>
      <c r="G31" s="303"/>
      <c r="H31" s="304"/>
      <c r="I31" s="297"/>
      <c r="J31" s="298"/>
      <c r="K31" s="299"/>
      <c r="L31" s="300"/>
      <c r="M31" s="301"/>
      <c r="N31" s="302"/>
      <c r="O31" s="305"/>
      <c r="P31" s="318"/>
    </row>
    <row r="32" spans="1:18" ht="24.95" customHeight="1">
      <c r="A32" s="283"/>
      <c r="B32" s="284"/>
      <c r="C32" s="285"/>
      <c r="D32" s="289"/>
      <c r="E32" s="290"/>
      <c r="F32" s="293" t="s">
        <v>153</v>
      </c>
      <c r="G32" s="303"/>
      <c r="H32" s="304"/>
      <c r="I32" s="64"/>
      <c r="J32" s="65"/>
      <c r="K32" s="159" t="s">
        <v>153</v>
      </c>
      <c r="L32" s="64"/>
      <c r="M32" s="65"/>
      <c r="N32" s="159" t="s">
        <v>153</v>
      </c>
      <c r="O32" s="295"/>
      <c r="P32" s="316"/>
    </row>
    <row r="33" spans="1:16" ht="15" customHeight="1">
      <c r="A33" s="286"/>
      <c r="B33" s="287"/>
      <c r="C33" s="288"/>
      <c r="D33" s="291"/>
      <c r="E33" s="292"/>
      <c r="F33" s="294"/>
      <c r="G33" s="303"/>
      <c r="H33" s="304"/>
      <c r="I33" s="297"/>
      <c r="J33" s="298"/>
      <c r="K33" s="299"/>
      <c r="L33" s="300"/>
      <c r="M33" s="301"/>
      <c r="N33" s="302"/>
      <c r="O33" s="305"/>
      <c r="P33" s="318"/>
    </row>
    <row r="34" spans="1:16" ht="24.95" customHeight="1">
      <c r="A34" s="283"/>
      <c r="B34" s="284"/>
      <c r="C34" s="285"/>
      <c r="D34" s="289"/>
      <c r="E34" s="290"/>
      <c r="F34" s="293" t="s">
        <v>153</v>
      </c>
      <c r="G34" s="303"/>
      <c r="H34" s="304"/>
      <c r="I34" s="64"/>
      <c r="J34" s="65"/>
      <c r="K34" s="159" t="s">
        <v>153</v>
      </c>
      <c r="L34" s="64"/>
      <c r="M34" s="65"/>
      <c r="N34" s="159" t="s">
        <v>153</v>
      </c>
      <c r="O34" s="295"/>
      <c r="P34" s="316"/>
    </row>
    <row r="35" spans="1:16" ht="15" customHeight="1">
      <c r="A35" s="286"/>
      <c r="B35" s="287"/>
      <c r="C35" s="288"/>
      <c r="D35" s="291"/>
      <c r="E35" s="292"/>
      <c r="F35" s="294"/>
      <c r="G35" s="303"/>
      <c r="H35" s="304"/>
      <c r="I35" s="297"/>
      <c r="J35" s="298"/>
      <c r="K35" s="299"/>
      <c r="L35" s="300"/>
      <c r="M35" s="301"/>
      <c r="N35" s="302"/>
      <c r="O35" s="305"/>
      <c r="P35" s="318"/>
    </row>
    <row r="36" spans="1:16" ht="24.95" customHeight="1">
      <c r="A36" s="283"/>
      <c r="B36" s="284"/>
      <c r="C36" s="285"/>
      <c r="D36" s="289"/>
      <c r="E36" s="290"/>
      <c r="F36" s="293" t="s">
        <v>153</v>
      </c>
      <c r="G36" s="303"/>
      <c r="H36" s="304"/>
      <c r="I36" s="64"/>
      <c r="J36" s="65"/>
      <c r="K36" s="159" t="s">
        <v>153</v>
      </c>
      <c r="L36" s="64"/>
      <c r="M36" s="65"/>
      <c r="N36" s="159" t="s">
        <v>153</v>
      </c>
      <c r="O36" s="295"/>
      <c r="P36" s="316"/>
    </row>
    <row r="37" spans="1:16" ht="15" customHeight="1">
      <c r="A37" s="286"/>
      <c r="B37" s="287"/>
      <c r="C37" s="288"/>
      <c r="D37" s="291"/>
      <c r="E37" s="292"/>
      <c r="F37" s="294"/>
      <c r="G37" s="303"/>
      <c r="H37" s="304"/>
      <c r="I37" s="297"/>
      <c r="J37" s="298"/>
      <c r="K37" s="299"/>
      <c r="L37" s="300"/>
      <c r="M37" s="301"/>
      <c r="N37" s="302"/>
      <c r="O37" s="305"/>
      <c r="P37" s="318"/>
    </row>
    <row r="38" spans="1:16" ht="24.95" customHeight="1">
      <c r="A38" s="283"/>
      <c r="B38" s="284"/>
      <c r="C38" s="285"/>
      <c r="D38" s="289"/>
      <c r="E38" s="290"/>
      <c r="F38" s="293" t="s">
        <v>153</v>
      </c>
      <c r="G38" s="303"/>
      <c r="H38" s="304"/>
      <c r="I38" s="64"/>
      <c r="J38" s="65"/>
      <c r="K38" s="159" t="s">
        <v>153</v>
      </c>
      <c r="L38" s="64"/>
      <c r="M38" s="65"/>
      <c r="N38" s="159" t="s">
        <v>153</v>
      </c>
      <c r="O38" s="295"/>
      <c r="P38" s="316"/>
    </row>
    <row r="39" spans="1:16" ht="15" customHeight="1">
      <c r="A39" s="286"/>
      <c r="B39" s="287"/>
      <c r="C39" s="288"/>
      <c r="D39" s="291"/>
      <c r="E39" s="292"/>
      <c r="F39" s="294"/>
      <c r="G39" s="303"/>
      <c r="H39" s="304"/>
      <c r="I39" s="297"/>
      <c r="J39" s="298"/>
      <c r="K39" s="299"/>
      <c r="L39" s="300"/>
      <c r="M39" s="301"/>
      <c r="N39" s="302"/>
      <c r="O39" s="305"/>
      <c r="P39" s="318"/>
    </row>
    <row r="40" spans="1:16" ht="24.95" customHeight="1">
      <c r="A40" s="283"/>
      <c r="B40" s="284"/>
      <c r="C40" s="285"/>
      <c r="D40" s="289"/>
      <c r="E40" s="290"/>
      <c r="F40" s="293" t="s">
        <v>153</v>
      </c>
      <c r="G40" s="303"/>
      <c r="H40" s="304"/>
      <c r="I40" s="64"/>
      <c r="J40" s="65"/>
      <c r="K40" s="159" t="s">
        <v>153</v>
      </c>
      <c r="L40" s="64"/>
      <c r="M40" s="65"/>
      <c r="N40" s="159" t="s">
        <v>153</v>
      </c>
      <c r="O40" s="295"/>
      <c r="P40" s="316"/>
    </row>
    <row r="41" spans="1:16" ht="15" customHeight="1">
      <c r="A41" s="286"/>
      <c r="B41" s="287"/>
      <c r="C41" s="288"/>
      <c r="D41" s="291"/>
      <c r="E41" s="292"/>
      <c r="F41" s="294"/>
      <c r="G41" s="303"/>
      <c r="H41" s="304"/>
      <c r="I41" s="297"/>
      <c r="J41" s="298"/>
      <c r="K41" s="299"/>
      <c r="L41" s="300"/>
      <c r="M41" s="301"/>
      <c r="N41" s="302"/>
      <c r="O41" s="305"/>
      <c r="P41" s="318"/>
    </row>
    <row r="42" spans="1:16" ht="24.95" customHeight="1">
      <c r="A42" s="283"/>
      <c r="B42" s="284"/>
      <c r="C42" s="285"/>
      <c r="D42" s="289"/>
      <c r="E42" s="290"/>
      <c r="F42" s="293" t="s">
        <v>153</v>
      </c>
      <c r="G42" s="303"/>
      <c r="H42" s="304"/>
      <c r="I42" s="64"/>
      <c r="J42" s="65"/>
      <c r="K42" s="159" t="s">
        <v>153</v>
      </c>
      <c r="L42" s="64"/>
      <c r="M42" s="65"/>
      <c r="N42" s="159" t="s">
        <v>153</v>
      </c>
      <c r="O42" s="295"/>
      <c r="P42" s="316"/>
    </row>
    <row r="43" spans="1:16" ht="15" customHeight="1" thickBot="1">
      <c r="A43" s="286"/>
      <c r="B43" s="287"/>
      <c r="C43" s="288"/>
      <c r="D43" s="291"/>
      <c r="E43" s="292"/>
      <c r="F43" s="294"/>
      <c r="G43" s="303"/>
      <c r="H43" s="304"/>
      <c r="I43" s="297"/>
      <c r="J43" s="298"/>
      <c r="K43" s="299"/>
      <c r="L43" s="300"/>
      <c r="M43" s="301"/>
      <c r="N43" s="302"/>
      <c r="O43" s="296"/>
      <c r="P43" s="317"/>
    </row>
    <row r="44" spans="1:16" ht="30" customHeight="1" thickBot="1">
      <c r="A44" s="306" t="s">
        <v>12</v>
      </c>
      <c r="B44" s="307"/>
      <c r="C44" s="307"/>
      <c r="D44" s="307"/>
      <c r="E44" s="307"/>
      <c r="F44" s="307"/>
      <c r="G44" s="307"/>
      <c r="H44" s="308"/>
      <c r="I44" s="67"/>
      <c r="J44" s="68">
        <f>SUM(J10:J43)</f>
        <v>0</v>
      </c>
      <c r="K44" s="159" t="s">
        <v>153</v>
      </c>
      <c r="L44" s="69"/>
      <c r="M44" s="70">
        <f>SUM(M10:O43)</f>
        <v>100</v>
      </c>
      <c r="N44" s="159" t="s">
        <v>153</v>
      </c>
      <c r="O44" s="309"/>
      <c r="P44" s="311"/>
    </row>
    <row r="45" spans="1:16" ht="34.5" customHeight="1" thickBot="1">
      <c r="A45" s="313"/>
      <c r="B45" s="314"/>
      <c r="C45" s="315"/>
      <c r="D45" s="71" t="s">
        <v>146</v>
      </c>
      <c r="E45" s="72">
        <v>1.18</v>
      </c>
      <c r="F45" s="72"/>
      <c r="G45" s="72"/>
      <c r="H45" s="73" t="s">
        <v>95</v>
      </c>
      <c r="I45" s="74"/>
      <c r="J45" s="75">
        <f>J44*E45</f>
        <v>0</v>
      </c>
      <c r="K45" s="76" t="s">
        <v>76</v>
      </c>
      <c r="L45" s="77"/>
      <c r="M45" s="78">
        <f>M44*E45</f>
        <v>118</v>
      </c>
      <c r="N45" s="79" t="s">
        <v>76</v>
      </c>
      <c r="O45" s="310"/>
      <c r="P45" s="312"/>
    </row>
    <row r="46" spans="1:16" ht="5.0999999999999996" customHeight="1" thickTop="1"/>
    <row r="48" spans="1:16">
      <c r="A48" s="80"/>
      <c r="B48" s="81"/>
    </row>
    <row r="49" spans="1:2">
      <c r="A49" s="80"/>
      <c r="B49" s="81"/>
    </row>
    <row r="50" spans="1:2">
      <c r="A50" s="80"/>
      <c r="B50" s="81"/>
    </row>
    <row r="51" spans="1:2">
      <c r="A51" s="80"/>
      <c r="B51" s="81"/>
    </row>
    <row r="52" spans="1:2">
      <c r="A52" s="80"/>
      <c r="B52" s="81"/>
    </row>
    <row r="53" spans="1:2">
      <c r="A53" s="82"/>
      <c r="B53" s="81"/>
    </row>
    <row r="54" spans="1:2">
      <c r="A54" s="80"/>
      <c r="B54" s="81"/>
    </row>
  </sheetData>
  <mergeCells count="179">
    <mergeCell ref="A1:P1"/>
    <mergeCell ref="A3:A4"/>
    <mergeCell ref="B3:H4"/>
    <mergeCell ref="I3:K3"/>
    <mergeCell ref="L3:M3"/>
    <mergeCell ref="N3:P3"/>
    <mergeCell ref="I4:K4"/>
    <mergeCell ref="L4:M4"/>
    <mergeCell ref="N4:P4"/>
    <mergeCell ref="J8:K8"/>
    <mergeCell ref="M8:N8"/>
    <mergeCell ref="J9:K9"/>
    <mergeCell ref="A10:C11"/>
    <mergeCell ref="D10:E11"/>
    <mergeCell ref="F10:F11"/>
    <mergeCell ref="G10:H10"/>
    <mergeCell ref="A5:B5"/>
    <mergeCell ref="E5:F5"/>
    <mergeCell ref="I5:P5"/>
    <mergeCell ref="A6:C9"/>
    <mergeCell ref="D6:F9"/>
    <mergeCell ref="G6:H6"/>
    <mergeCell ref="O6:O9"/>
    <mergeCell ref="P6:P9"/>
    <mergeCell ref="G7:H9"/>
    <mergeCell ref="M7:N7"/>
    <mergeCell ref="O10:O11"/>
    <mergeCell ref="P10:P11"/>
    <mergeCell ref="G11:H11"/>
    <mergeCell ref="I11:K11"/>
    <mergeCell ref="L11:N11"/>
    <mergeCell ref="P12:P13"/>
    <mergeCell ref="G13:H13"/>
    <mergeCell ref="I13:K13"/>
    <mergeCell ref="L13:N13"/>
    <mergeCell ref="A14:C15"/>
    <mergeCell ref="D14:E15"/>
    <mergeCell ref="F14:F15"/>
    <mergeCell ref="G14:H14"/>
    <mergeCell ref="O14:O15"/>
    <mergeCell ref="P14:P15"/>
    <mergeCell ref="A12:C13"/>
    <mergeCell ref="D12:E13"/>
    <mergeCell ref="F12:F13"/>
    <mergeCell ref="G12:H12"/>
    <mergeCell ref="O12:O13"/>
    <mergeCell ref="G15:H15"/>
    <mergeCell ref="I15:K15"/>
    <mergeCell ref="L15:N15"/>
    <mergeCell ref="P16:P17"/>
    <mergeCell ref="G17:H17"/>
    <mergeCell ref="I17:K17"/>
    <mergeCell ref="L17:N17"/>
    <mergeCell ref="A18:C19"/>
    <mergeCell ref="D18:E19"/>
    <mergeCell ref="F18:F19"/>
    <mergeCell ref="G18:H18"/>
    <mergeCell ref="O18:O19"/>
    <mergeCell ref="A16:C17"/>
    <mergeCell ref="D16:E17"/>
    <mergeCell ref="F16:F17"/>
    <mergeCell ref="G16:H16"/>
    <mergeCell ref="O16:O17"/>
    <mergeCell ref="G21:H21"/>
    <mergeCell ref="I21:K21"/>
    <mergeCell ref="L21:N21"/>
    <mergeCell ref="A22:C23"/>
    <mergeCell ref="D22:E23"/>
    <mergeCell ref="F22:F23"/>
    <mergeCell ref="G22:H22"/>
    <mergeCell ref="P18:P19"/>
    <mergeCell ref="G19:H19"/>
    <mergeCell ref="I19:K19"/>
    <mergeCell ref="L19:N19"/>
    <mergeCell ref="A20:C21"/>
    <mergeCell ref="D20:E21"/>
    <mergeCell ref="F20:F21"/>
    <mergeCell ref="G20:H20"/>
    <mergeCell ref="O20:O21"/>
    <mergeCell ref="P20:P21"/>
    <mergeCell ref="O22:O23"/>
    <mergeCell ref="P22:P23"/>
    <mergeCell ref="G23:H23"/>
    <mergeCell ref="I23:K23"/>
    <mergeCell ref="L23:N23"/>
    <mergeCell ref="P24:P25"/>
    <mergeCell ref="G25:H25"/>
    <mergeCell ref="I25:K25"/>
    <mergeCell ref="L25:N25"/>
    <mergeCell ref="A26:C27"/>
    <mergeCell ref="D26:E27"/>
    <mergeCell ref="F26:F27"/>
    <mergeCell ref="G26:H26"/>
    <mergeCell ref="O26:O27"/>
    <mergeCell ref="P26:P27"/>
    <mergeCell ref="A24:C25"/>
    <mergeCell ref="D24:E25"/>
    <mergeCell ref="F24:F25"/>
    <mergeCell ref="G24:H24"/>
    <mergeCell ref="O24:O25"/>
    <mergeCell ref="G27:H27"/>
    <mergeCell ref="I27:K27"/>
    <mergeCell ref="L27:N27"/>
    <mergeCell ref="P28:P29"/>
    <mergeCell ref="G29:H29"/>
    <mergeCell ref="I29:K29"/>
    <mergeCell ref="L29:N29"/>
    <mergeCell ref="A30:C31"/>
    <mergeCell ref="D30:E31"/>
    <mergeCell ref="F30:F31"/>
    <mergeCell ref="G30:H30"/>
    <mergeCell ref="O30:O31"/>
    <mergeCell ref="A28:C29"/>
    <mergeCell ref="D28:E29"/>
    <mergeCell ref="F28:F29"/>
    <mergeCell ref="G28:H28"/>
    <mergeCell ref="O28:O29"/>
    <mergeCell ref="G33:H33"/>
    <mergeCell ref="I33:K33"/>
    <mergeCell ref="L33:N33"/>
    <mergeCell ref="A34:C35"/>
    <mergeCell ref="D34:E35"/>
    <mergeCell ref="F34:F35"/>
    <mergeCell ref="G34:H34"/>
    <mergeCell ref="P30:P31"/>
    <mergeCell ref="G31:H31"/>
    <mergeCell ref="I31:K31"/>
    <mergeCell ref="L31:N31"/>
    <mergeCell ref="A32:C33"/>
    <mergeCell ref="D32:E33"/>
    <mergeCell ref="F32:F33"/>
    <mergeCell ref="G32:H32"/>
    <mergeCell ref="O32:O33"/>
    <mergeCell ref="P32:P33"/>
    <mergeCell ref="O34:O35"/>
    <mergeCell ref="P34:P35"/>
    <mergeCell ref="G35:H35"/>
    <mergeCell ref="I35:K35"/>
    <mergeCell ref="L35:N35"/>
    <mergeCell ref="P36:P37"/>
    <mergeCell ref="G37:H37"/>
    <mergeCell ref="I37:K37"/>
    <mergeCell ref="L37:N37"/>
    <mergeCell ref="A38:C39"/>
    <mergeCell ref="D38:E39"/>
    <mergeCell ref="F38:F39"/>
    <mergeCell ref="G38:H38"/>
    <mergeCell ref="O38:O39"/>
    <mergeCell ref="P38:P39"/>
    <mergeCell ref="A36:C37"/>
    <mergeCell ref="D36:E37"/>
    <mergeCell ref="F36:F37"/>
    <mergeCell ref="G36:H36"/>
    <mergeCell ref="O36:O37"/>
    <mergeCell ref="G39:H39"/>
    <mergeCell ref="I39:K39"/>
    <mergeCell ref="L39:N39"/>
    <mergeCell ref="P42:P43"/>
    <mergeCell ref="G43:H43"/>
    <mergeCell ref="I43:K43"/>
    <mergeCell ref="L43:N43"/>
    <mergeCell ref="A44:H44"/>
    <mergeCell ref="O44:O45"/>
    <mergeCell ref="P44:P45"/>
    <mergeCell ref="A45:C45"/>
    <mergeCell ref="O40:O41"/>
    <mergeCell ref="P40:P41"/>
    <mergeCell ref="G41:H41"/>
    <mergeCell ref="I41:K41"/>
    <mergeCell ref="L41:N41"/>
    <mergeCell ref="A42:C43"/>
    <mergeCell ref="D42:E43"/>
    <mergeCell ref="F42:F43"/>
    <mergeCell ref="G42:H42"/>
    <mergeCell ref="O42:O43"/>
    <mergeCell ref="A40:C41"/>
    <mergeCell ref="D40:E41"/>
    <mergeCell ref="F40:F41"/>
    <mergeCell ref="G40:H40"/>
  </mergeCells>
  <phoneticPr fontId="2"/>
  <dataValidations count="4">
    <dataValidation type="list" allowBlank="1" showInputMessage="1" showErrorMessage="1" sqref="F10:F43 K10 N10 K12 K14 K16 K18 K20 N12 N14 N16 N18 N20 K22 N22 K24 K26 K28 K30 K32 K34 K36 K38 N24 N26 N28 N30 N32 N34 N36 N38 K40 N40 N42 K42 K44 N44">
      <formula1>"ml,g"</formula1>
    </dataValidation>
    <dataValidation type="list" allowBlank="1" showInputMessage="1" showErrorMessage="1" sqref="L11:N11 L13:N13 L15:N15 L17:N17 L19:N19 L21:N21 L23:N23 L25:N25 L27:N27 L29:N29 L31:N31 L33:N33 L35:N35 L37:N37 L39:N39 L41:N41 L43:N43">
      <formula1>$L$6:$L$8</formula1>
    </dataValidation>
    <dataValidation type="list" allowBlank="1" showInputMessage="1" showErrorMessage="1" promptTitle="排出区分" sqref="I11:K11">
      <formula1>$I$6:$I$9</formula1>
    </dataValidation>
    <dataValidation type="list" allowBlank="1" showInputMessage="1" showErrorMessage="1" sqref="I43:K43 I13:K13 I15:K15 I17:K17 I19:K19 I21:K21 I23:K23 I25:K25 I27:K27 I29:K29 I31:K31 I33:K33 I35:K35 I37:K37 I39:K39 I41:K41">
      <formula1>$I$6:$I$9</formula1>
    </dataValidation>
  </dataValidations>
  <printOptions horizontalCentered="1"/>
  <pageMargins left="0.70866141732283472" right="0.70866141732283472" top="0.74803149606299213" bottom="0.74803149606299213" header="0.31496062992125984" footer="0.31496062992125984"/>
  <pageSetup paperSize="9" scale="90" orientation="portrait" r:id="rId1"/>
  <headerFooter>
    <oddHeader>&amp;L化学物質使用責任者用
（様式４）&amp;C
&amp;R（　／　）
東京都条例につき豊洲キャンパス限定</oddHead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31"/>
  <sheetViews>
    <sheetView zoomScaleNormal="100" zoomScaleSheetLayoutView="100" workbookViewId="0">
      <selection activeCell="O6" sqref="O6"/>
    </sheetView>
  </sheetViews>
  <sheetFormatPr defaultRowHeight="13.5"/>
  <cols>
    <col min="1" max="1" width="18.375" style="99" customWidth="1"/>
    <col min="2" max="4" width="12.875" style="99" customWidth="1"/>
    <col min="5" max="7" width="8.625" style="99" customWidth="1"/>
    <col min="8" max="8" width="7.625" style="99" customWidth="1"/>
    <col min="9" max="10" width="6.625" style="99" customWidth="1"/>
    <col min="11" max="16384" width="9" style="99"/>
  </cols>
  <sheetData>
    <row r="1" spans="1:10" s="83" customFormat="1" ht="48.75" customHeight="1">
      <c r="A1" s="192" t="s">
        <v>101</v>
      </c>
      <c r="B1" s="192"/>
      <c r="C1" s="192"/>
      <c r="D1" s="192"/>
      <c r="E1" s="192"/>
      <c r="F1" s="192"/>
      <c r="G1" s="192"/>
      <c r="H1" s="192"/>
      <c r="I1" s="192"/>
      <c r="J1" s="192"/>
    </row>
    <row r="2" spans="1:10" s="85" customFormat="1" ht="24.95" customHeight="1">
      <c r="A2" s="210" t="s">
        <v>100</v>
      </c>
      <c r="B2" s="211"/>
      <c r="C2" s="101" t="s">
        <v>13</v>
      </c>
      <c r="D2" s="101" t="s">
        <v>116</v>
      </c>
      <c r="E2" s="193" t="s">
        <v>78</v>
      </c>
      <c r="F2" s="193"/>
      <c r="G2" s="100" t="s">
        <v>83</v>
      </c>
      <c r="H2" s="194" t="s">
        <v>84</v>
      </c>
      <c r="I2" s="194"/>
      <c r="J2" s="194"/>
    </row>
    <row r="3" spans="1:10" s="85" customFormat="1" ht="24.95" customHeight="1">
      <c r="A3" s="212"/>
      <c r="B3" s="213"/>
      <c r="C3" s="103"/>
      <c r="D3" s="102"/>
      <c r="E3" s="195"/>
      <c r="F3" s="195"/>
      <c r="G3" s="86"/>
      <c r="H3" s="196"/>
      <c r="I3" s="196"/>
      <c r="J3" s="196"/>
    </row>
    <row r="4" spans="1:10" s="87" customFormat="1" ht="24.75" customHeight="1">
      <c r="A4" s="197" t="s">
        <v>98</v>
      </c>
      <c r="B4" s="199" t="s">
        <v>99</v>
      </c>
      <c r="C4" s="197"/>
      <c r="D4" s="197"/>
      <c r="E4" s="200" t="s">
        <v>106</v>
      </c>
      <c r="F4" s="201"/>
      <c r="G4" s="201"/>
      <c r="H4" s="202"/>
      <c r="I4" s="206" t="s">
        <v>27</v>
      </c>
      <c r="J4" s="208" t="s">
        <v>6</v>
      </c>
    </row>
    <row r="5" spans="1:10" s="87" customFormat="1" ht="30" customHeight="1">
      <c r="A5" s="198"/>
      <c r="B5" s="101" t="s">
        <v>102</v>
      </c>
      <c r="C5" s="101" t="s">
        <v>103</v>
      </c>
      <c r="D5" s="101" t="s">
        <v>104</v>
      </c>
      <c r="E5" s="203"/>
      <c r="F5" s="204"/>
      <c r="G5" s="204"/>
      <c r="H5" s="205"/>
      <c r="I5" s="207"/>
      <c r="J5" s="209"/>
    </row>
    <row r="6" spans="1:10" s="85" customFormat="1" ht="30" customHeight="1">
      <c r="A6" s="88"/>
      <c r="B6" s="15"/>
      <c r="C6" s="15"/>
      <c r="D6" s="15"/>
      <c r="E6" s="189"/>
      <c r="F6" s="190"/>
      <c r="G6" s="190"/>
      <c r="H6" s="191"/>
      <c r="I6" s="89"/>
      <c r="J6" s="89"/>
    </row>
    <row r="7" spans="1:10" s="85" customFormat="1" ht="30" customHeight="1">
      <c r="A7" s="90"/>
      <c r="B7" s="101"/>
      <c r="C7" s="101"/>
      <c r="D7" s="101"/>
      <c r="E7" s="189"/>
      <c r="F7" s="190"/>
      <c r="G7" s="190"/>
      <c r="H7" s="191"/>
      <c r="I7" s="91"/>
      <c r="J7" s="91"/>
    </row>
    <row r="8" spans="1:10" s="85" customFormat="1" ht="30" customHeight="1">
      <c r="A8" s="90"/>
      <c r="B8" s="89"/>
      <c r="C8" s="101"/>
      <c r="D8" s="101"/>
      <c r="E8" s="189"/>
      <c r="F8" s="190"/>
      <c r="G8" s="190"/>
      <c r="H8" s="191"/>
      <c r="I8" s="91"/>
      <c r="J8" s="91"/>
    </row>
    <row r="9" spans="1:10" s="85" customFormat="1" ht="30" customHeight="1">
      <c r="A9" s="90"/>
      <c r="B9" s="89"/>
      <c r="C9" s="101"/>
      <c r="D9" s="101"/>
      <c r="E9" s="189"/>
      <c r="F9" s="190"/>
      <c r="G9" s="190"/>
      <c r="H9" s="191"/>
      <c r="I9" s="91"/>
      <c r="J9" s="91"/>
    </row>
    <row r="10" spans="1:10" s="85" customFormat="1" ht="30" customHeight="1">
      <c r="A10" s="90"/>
      <c r="B10" s="15"/>
      <c r="C10" s="101"/>
      <c r="D10" s="101"/>
      <c r="E10" s="189"/>
      <c r="F10" s="190"/>
      <c r="G10" s="190"/>
      <c r="H10" s="191"/>
      <c r="I10" s="91"/>
      <c r="J10" s="91"/>
    </row>
    <row r="11" spans="1:10" s="85" customFormat="1" ht="30" customHeight="1">
      <c r="A11" s="90"/>
      <c r="B11" s="101"/>
      <c r="C11" s="101"/>
      <c r="D11" s="101"/>
      <c r="E11" s="189"/>
      <c r="F11" s="190"/>
      <c r="G11" s="190"/>
      <c r="H11" s="191"/>
      <c r="I11" s="91"/>
      <c r="J11" s="91"/>
    </row>
    <row r="12" spans="1:10" s="85" customFormat="1" ht="30" customHeight="1">
      <c r="A12" s="89"/>
      <c r="B12" s="101"/>
      <c r="C12" s="92"/>
      <c r="D12" s="101"/>
      <c r="E12" s="189"/>
      <c r="F12" s="190"/>
      <c r="G12" s="190"/>
      <c r="H12" s="191"/>
      <c r="I12" s="93"/>
      <c r="J12" s="93"/>
    </row>
    <row r="13" spans="1:10" s="85" customFormat="1" ht="30" customHeight="1">
      <c r="A13" s="89"/>
      <c r="B13" s="89"/>
      <c r="C13" s="89"/>
      <c r="D13" s="89"/>
      <c r="E13" s="189"/>
      <c r="F13" s="190"/>
      <c r="G13" s="190"/>
      <c r="H13" s="191"/>
      <c r="I13" s="94"/>
      <c r="J13" s="94"/>
    </row>
    <row r="14" spans="1:10" s="85" customFormat="1" ht="30" customHeight="1">
      <c r="A14" s="89"/>
      <c r="B14" s="89"/>
      <c r="C14" s="89"/>
      <c r="D14" s="89"/>
      <c r="E14" s="189"/>
      <c r="F14" s="190"/>
      <c r="G14" s="190"/>
      <c r="H14" s="191"/>
      <c r="I14" s="91"/>
      <c r="J14" s="91"/>
    </row>
    <row r="15" spans="1:10" s="85" customFormat="1" ht="30" customHeight="1">
      <c r="A15" s="89"/>
      <c r="B15" s="89"/>
      <c r="C15" s="89"/>
      <c r="D15" s="89"/>
      <c r="E15" s="189"/>
      <c r="F15" s="190"/>
      <c r="G15" s="190"/>
      <c r="H15" s="191"/>
      <c r="I15" s="93"/>
      <c r="J15" s="93"/>
    </row>
    <row r="16" spans="1:10" s="85" customFormat="1" ht="30" customHeight="1">
      <c r="A16" s="89"/>
      <c r="B16" s="89"/>
      <c r="C16" s="89"/>
      <c r="D16" s="89"/>
      <c r="E16" s="189"/>
      <c r="F16" s="190"/>
      <c r="G16" s="190"/>
      <c r="H16" s="191"/>
      <c r="I16" s="94"/>
      <c r="J16" s="94"/>
    </row>
    <row r="17" spans="1:10" s="85" customFormat="1" ht="30" customHeight="1">
      <c r="A17" s="89"/>
      <c r="B17" s="89"/>
      <c r="C17" s="89"/>
      <c r="D17" s="89"/>
      <c r="E17" s="189"/>
      <c r="F17" s="190"/>
      <c r="G17" s="190"/>
      <c r="H17" s="191"/>
      <c r="I17" s="91"/>
      <c r="J17" s="91"/>
    </row>
    <row r="18" spans="1:10" s="85" customFormat="1" ht="30" customHeight="1">
      <c r="A18" s="89"/>
      <c r="B18" s="89"/>
      <c r="C18" s="89"/>
      <c r="D18" s="95"/>
      <c r="E18" s="189"/>
      <c r="F18" s="190"/>
      <c r="G18" s="190"/>
      <c r="H18" s="191"/>
      <c r="I18" s="101"/>
      <c r="J18" s="101"/>
    </row>
    <row r="19" spans="1:10" s="85" customFormat="1" ht="30" customHeight="1">
      <c r="A19" s="89"/>
      <c r="B19" s="89"/>
      <c r="C19" s="89"/>
      <c r="D19" s="89"/>
      <c r="E19" s="189"/>
      <c r="F19" s="190"/>
      <c r="G19" s="190"/>
      <c r="H19" s="191"/>
      <c r="I19" s="89"/>
      <c r="J19" s="89"/>
    </row>
    <row r="20" spans="1:10" s="85" customFormat="1" ht="30" customHeight="1">
      <c r="A20" s="89"/>
      <c r="B20" s="89"/>
      <c r="C20" s="89"/>
      <c r="D20" s="89"/>
      <c r="E20" s="189"/>
      <c r="F20" s="190"/>
      <c r="G20" s="190"/>
      <c r="H20" s="191"/>
      <c r="I20" s="89"/>
      <c r="J20" s="89"/>
    </row>
    <row r="21" spans="1:10" s="85" customFormat="1" ht="30" customHeight="1">
      <c r="A21" s="89"/>
      <c r="B21" s="101"/>
      <c r="C21" s="101"/>
      <c r="D21" s="101"/>
      <c r="E21" s="189"/>
      <c r="F21" s="190"/>
      <c r="G21" s="190"/>
      <c r="H21" s="191"/>
      <c r="I21" s="101"/>
      <c r="J21" s="101"/>
    </row>
    <row r="22" spans="1:10" s="85" customFormat="1" ht="30" customHeight="1">
      <c r="A22" s="89"/>
      <c r="B22" s="89"/>
      <c r="C22" s="89"/>
      <c r="D22" s="89"/>
      <c r="E22" s="189"/>
      <c r="F22" s="190"/>
      <c r="G22" s="190"/>
      <c r="H22" s="191"/>
      <c r="I22" s="89"/>
      <c r="J22" s="89"/>
    </row>
    <row r="23" spans="1:10" s="85" customFormat="1" ht="30" customHeight="1">
      <c r="A23" s="89"/>
      <c r="B23" s="89"/>
      <c r="C23" s="89"/>
      <c r="D23" s="89"/>
      <c r="E23" s="189"/>
      <c r="F23" s="190"/>
      <c r="G23" s="190"/>
      <c r="H23" s="191"/>
      <c r="I23" s="89"/>
      <c r="J23" s="89"/>
    </row>
    <row r="24" spans="1:10" s="85" customFormat="1" ht="30" customHeight="1">
      <c r="A24" s="89"/>
      <c r="B24" s="89"/>
      <c r="C24" s="89"/>
      <c r="D24" s="89"/>
      <c r="E24" s="189"/>
      <c r="F24" s="190"/>
      <c r="G24" s="190"/>
      <c r="H24" s="191"/>
      <c r="I24" s="89"/>
      <c r="J24" s="89"/>
    </row>
    <row r="25" spans="1:10" s="85" customFormat="1" ht="30" customHeight="1">
      <c r="A25" s="89"/>
      <c r="B25" s="89"/>
      <c r="C25" s="89"/>
      <c r="D25" s="89"/>
      <c r="E25" s="189"/>
      <c r="F25" s="190"/>
      <c r="G25" s="190"/>
      <c r="H25" s="191"/>
      <c r="I25" s="89"/>
      <c r="J25" s="89"/>
    </row>
    <row r="27" spans="1:10" s="97" customFormat="1">
      <c r="A27" s="96" t="s">
        <v>24</v>
      </c>
    </row>
    <row r="28" spans="1:10" s="97" customFormat="1">
      <c r="A28" s="98" t="s">
        <v>29</v>
      </c>
    </row>
    <row r="29" spans="1:10" s="97" customFormat="1">
      <c r="A29" s="97" t="s">
        <v>196</v>
      </c>
    </row>
    <row r="30" spans="1:10" s="97" customFormat="1">
      <c r="A30" s="98"/>
    </row>
    <row r="31" spans="1:10" s="97" customFormat="1"/>
  </sheetData>
  <mergeCells count="32">
    <mergeCell ref="E6:H6"/>
    <mergeCell ref="A1:J1"/>
    <mergeCell ref="A2:B2"/>
    <mergeCell ref="E2:F2"/>
    <mergeCell ref="H2:J2"/>
    <mergeCell ref="A3:B3"/>
    <mergeCell ref="E3:F3"/>
    <mergeCell ref="H3:J3"/>
    <mergeCell ref="A4:A5"/>
    <mergeCell ref="B4:D4"/>
    <mergeCell ref="E4:H5"/>
    <mergeCell ref="I4:I5"/>
    <mergeCell ref="J4:J5"/>
    <mergeCell ref="E18:H18"/>
    <mergeCell ref="E7:H7"/>
    <mergeCell ref="E8:H8"/>
    <mergeCell ref="E9:H9"/>
    <mergeCell ref="E10:H10"/>
    <mergeCell ref="E11:H11"/>
    <mergeCell ref="E12:H12"/>
    <mergeCell ref="E13:H13"/>
    <mergeCell ref="E14:H14"/>
    <mergeCell ref="E15:H15"/>
    <mergeCell ref="E16:H16"/>
    <mergeCell ref="E17:H17"/>
    <mergeCell ref="E25:H25"/>
    <mergeCell ref="E19:H19"/>
    <mergeCell ref="E20:H20"/>
    <mergeCell ref="E21:H21"/>
    <mergeCell ref="E22:H22"/>
    <mergeCell ref="E23:H23"/>
    <mergeCell ref="E24:H24"/>
  </mergeCells>
  <phoneticPr fontId="2"/>
  <pageMargins left="0.74803149606299213" right="0.23622047244094491" top="0.62992125984251968" bottom="0.55118110236220474" header="0.51181102362204722" footer="0.51181102362204722"/>
  <pageSetup paperSize="9" scale="91" orientation="portrait" r:id="rId1"/>
  <headerFooter alignWithMargins="0">
    <oddHeader xml:space="preserve">&amp;L化学物質使用責任者用
（様式１-2）
</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A2:J31"/>
  <sheetViews>
    <sheetView view="pageBreakPreview" zoomScaleNormal="100" zoomScaleSheetLayoutView="100" workbookViewId="0">
      <selection activeCell="M15" sqref="M15"/>
    </sheetView>
  </sheetViews>
  <sheetFormatPr defaultRowHeight="13.5"/>
  <cols>
    <col min="1" max="1" width="1.75" style="5" customWidth="1"/>
    <col min="2" max="2" width="3.75" style="5" customWidth="1"/>
    <col min="3" max="3" width="4.625" style="5" customWidth="1"/>
    <col min="4" max="4" width="12.625" style="5" customWidth="1"/>
    <col min="5" max="5" width="16.625" style="5" customWidth="1"/>
    <col min="6" max="6" width="7.625" style="5" customWidth="1"/>
    <col min="7" max="7" width="11.5" style="5" customWidth="1"/>
    <col min="8" max="8" width="11" style="5" customWidth="1"/>
    <col min="9" max="9" width="11.125" style="5" customWidth="1"/>
    <col min="10" max="10" width="11.625" style="5" customWidth="1"/>
    <col min="11" max="16384" width="9" style="5"/>
  </cols>
  <sheetData>
    <row r="2" spans="1:10" s="3" customFormat="1" ht="24">
      <c r="A2" s="220" t="s">
        <v>30</v>
      </c>
      <c r="B2" s="220"/>
      <c r="C2" s="220"/>
      <c r="D2" s="220"/>
      <c r="E2" s="220"/>
      <c r="F2" s="220"/>
      <c r="G2" s="220"/>
      <c r="H2" s="220"/>
      <c r="I2" s="220"/>
      <c r="J2" s="220"/>
    </row>
    <row r="3" spans="1:10" s="3" customFormat="1" ht="17.25">
      <c r="A3" s="221" t="s">
        <v>32</v>
      </c>
      <c r="B3" s="221"/>
      <c r="C3" s="221"/>
      <c r="D3" s="221"/>
      <c r="E3" s="221"/>
      <c r="F3" s="221"/>
      <c r="G3" s="221"/>
      <c r="H3" s="221"/>
      <c r="I3" s="221"/>
      <c r="J3" s="221"/>
    </row>
    <row r="4" spans="1:10" s="3" customFormat="1" ht="11.25" customHeight="1" thickBot="1">
      <c r="B4" s="6"/>
      <c r="C4" s="6"/>
      <c r="D4" s="6"/>
      <c r="E4" s="6"/>
      <c r="F4" s="6"/>
      <c r="G4" s="6"/>
      <c r="H4" s="6"/>
      <c r="I4" s="6"/>
      <c r="J4" s="6"/>
    </row>
    <row r="5" spans="1:10" s="3" customFormat="1" ht="29.25" customHeight="1" thickTop="1">
      <c r="B5" s="222" t="s">
        <v>16</v>
      </c>
      <c r="C5" s="223"/>
      <c r="D5" s="224"/>
      <c r="E5" s="138"/>
      <c r="F5" s="233" t="s">
        <v>19</v>
      </c>
      <c r="G5" s="234"/>
      <c r="H5" s="233"/>
      <c r="I5" s="234"/>
      <c r="J5" s="235"/>
    </row>
    <row r="6" spans="1:10" s="3" customFormat="1" ht="30" customHeight="1" thickBot="1">
      <c r="B6" s="225" t="s">
        <v>201</v>
      </c>
      <c r="C6" s="226"/>
      <c r="D6" s="227"/>
      <c r="E6" s="134"/>
      <c r="F6" s="236" t="s">
        <v>136</v>
      </c>
      <c r="G6" s="237"/>
      <c r="H6" s="236"/>
      <c r="I6" s="238"/>
      <c r="J6" s="239"/>
    </row>
    <row r="7" spans="1:10" s="3" customFormat="1" ht="14.25" thickTop="1"/>
    <row r="8" spans="1:10" s="3" customFormat="1"/>
    <row r="9" spans="1:10" s="3" customFormat="1" ht="20.25" customHeight="1">
      <c r="B9" s="216" t="s">
        <v>18</v>
      </c>
      <c r="C9" s="218" t="s">
        <v>31</v>
      </c>
      <c r="D9" s="216" t="s">
        <v>61</v>
      </c>
      <c r="E9" s="216"/>
      <c r="F9" s="228" t="s">
        <v>164</v>
      </c>
      <c r="G9" s="230" t="s">
        <v>15</v>
      </c>
      <c r="H9" s="231"/>
      <c r="I9" s="231"/>
      <c r="J9" s="232"/>
    </row>
    <row r="10" spans="1:10" s="3" customFormat="1" ht="36" customHeight="1">
      <c r="B10" s="217"/>
      <c r="C10" s="219"/>
      <c r="D10" s="216"/>
      <c r="E10" s="216"/>
      <c r="F10" s="229"/>
      <c r="G10" s="7" t="s">
        <v>197</v>
      </c>
      <c r="H10" s="7" t="s">
        <v>198</v>
      </c>
      <c r="I10" s="7" t="s">
        <v>198</v>
      </c>
      <c r="J10" s="7" t="s">
        <v>198</v>
      </c>
    </row>
    <row r="11" spans="1:10" s="3" customFormat="1" ht="30" customHeight="1">
      <c r="B11" s="179"/>
      <c r="C11" s="8" t="s">
        <v>14</v>
      </c>
      <c r="D11" s="214" t="s">
        <v>14</v>
      </c>
      <c r="E11" s="215"/>
      <c r="F11" s="2"/>
      <c r="G11" s="2"/>
      <c r="H11" s="2"/>
      <c r="I11" s="2"/>
      <c r="J11" s="2"/>
    </row>
    <row r="12" spans="1:10" s="3" customFormat="1" ht="30" customHeight="1">
      <c r="B12" s="179"/>
      <c r="C12" s="8"/>
      <c r="D12" s="214" t="s">
        <v>14</v>
      </c>
      <c r="E12" s="215"/>
      <c r="F12" s="2"/>
      <c r="G12" s="2"/>
      <c r="H12" s="2"/>
      <c r="I12" s="2"/>
      <c r="J12" s="2"/>
    </row>
    <row r="13" spans="1:10" s="3" customFormat="1" ht="30" customHeight="1">
      <c r="B13" s="179"/>
      <c r="C13" s="8"/>
      <c r="D13" s="214" t="s">
        <v>14</v>
      </c>
      <c r="E13" s="215"/>
      <c r="F13" s="2"/>
      <c r="G13" s="2"/>
      <c r="H13" s="2"/>
      <c r="I13" s="2"/>
      <c r="J13" s="2"/>
    </row>
    <row r="14" spans="1:10" s="3" customFormat="1" ht="30" customHeight="1">
      <c r="B14" s="179"/>
      <c r="C14" s="8"/>
      <c r="D14" s="214" t="s">
        <v>14</v>
      </c>
      <c r="E14" s="215"/>
      <c r="F14" s="2"/>
      <c r="G14" s="2"/>
      <c r="H14" s="2"/>
      <c r="I14" s="2"/>
      <c r="J14" s="2"/>
    </row>
    <row r="15" spans="1:10" s="3" customFormat="1" ht="30" customHeight="1">
      <c r="B15" s="179"/>
      <c r="C15" s="8"/>
      <c r="D15" s="214" t="s">
        <v>14</v>
      </c>
      <c r="E15" s="215"/>
      <c r="F15" s="2"/>
      <c r="G15" s="2"/>
      <c r="H15" s="2"/>
      <c r="I15" s="2"/>
      <c r="J15" s="2"/>
    </row>
    <row r="16" spans="1:10" s="3" customFormat="1" ht="30" customHeight="1">
      <c r="B16" s="179"/>
      <c r="C16" s="8"/>
      <c r="D16" s="214" t="s">
        <v>14</v>
      </c>
      <c r="E16" s="215"/>
      <c r="F16" s="2"/>
      <c r="G16" s="2"/>
      <c r="H16" s="2"/>
      <c r="I16" s="2"/>
      <c r="J16" s="2"/>
    </row>
    <row r="17" spans="1:10" s="3" customFormat="1" ht="30" customHeight="1">
      <c r="B17" s="179"/>
      <c r="C17" s="8"/>
      <c r="D17" s="214" t="s">
        <v>14</v>
      </c>
      <c r="E17" s="215"/>
      <c r="F17" s="2"/>
      <c r="G17" s="2"/>
      <c r="H17" s="2"/>
      <c r="I17" s="2"/>
      <c r="J17" s="2"/>
    </row>
    <row r="18" spans="1:10" s="3" customFormat="1" ht="30" customHeight="1">
      <c r="B18" s="179"/>
      <c r="C18" s="8"/>
      <c r="D18" s="214" t="s">
        <v>14</v>
      </c>
      <c r="E18" s="215"/>
      <c r="F18" s="2"/>
      <c r="G18" s="2"/>
      <c r="H18" s="2"/>
      <c r="I18" s="2"/>
      <c r="J18" s="2"/>
    </row>
    <row r="19" spans="1:10" s="3" customFormat="1" ht="30" customHeight="1">
      <c r="B19" s="179"/>
      <c r="C19" s="8"/>
      <c r="D19" s="214" t="s">
        <v>14</v>
      </c>
      <c r="E19" s="215"/>
      <c r="F19" s="2"/>
      <c r="G19" s="2"/>
      <c r="H19" s="2"/>
      <c r="I19" s="2"/>
      <c r="J19" s="2"/>
    </row>
    <row r="20" spans="1:10" s="3" customFormat="1" ht="30" customHeight="1">
      <c r="B20" s="179"/>
      <c r="C20" s="8"/>
      <c r="D20" s="214" t="s">
        <v>14</v>
      </c>
      <c r="E20" s="215"/>
      <c r="F20" s="2"/>
      <c r="G20" s="2"/>
      <c r="H20" s="2"/>
      <c r="I20" s="2"/>
      <c r="J20" s="2"/>
    </row>
    <row r="21" spans="1:10" s="3" customFormat="1" ht="30" customHeight="1">
      <c r="B21" s="179"/>
      <c r="C21" s="8"/>
      <c r="D21" s="214" t="s">
        <v>14</v>
      </c>
      <c r="E21" s="215"/>
      <c r="F21" s="2"/>
      <c r="G21" s="2"/>
      <c r="H21" s="2"/>
      <c r="I21" s="2"/>
      <c r="J21" s="2"/>
    </row>
    <row r="22" spans="1:10" s="3" customFormat="1" ht="30" customHeight="1">
      <c r="B22" s="179"/>
      <c r="C22" s="8" t="s">
        <v>14</v>
      </c>
      <c r="D22" s="214" t="s">
        <v>14</v>
      </c>
      <c r="E22" s="215"/>
      <c r="F22" s="2"/>
      <c r="G22" s="2"/>
      <c r="H22" s="2"/>
      <c r="I22" s="2"/>
      <c r="J22" s="2"/>
    </row>
    <row r="23" spans="1:10" s="3" customFormat="1" ht="30" customHeight="1">
      <c r="B23" s="179"/>
      <c r="C23" s="9" t="s">
        <v>14</v>
      </c>
      <c r="D23" s="214" t="s">
        <v>14</v>
      </c>
      <c r="E23" s="215"/>
      <c r="F23" s="2"/>
      <c r="G23" s="2"/>
      <c r="H23" s="2"/>
      <c r="I23" s="2"/>
      <c r="J23" s="2"/>
    </row>
    <row r="24" spans="1:10" s="3" customFormat="1" ht="30" customHeight="1">
      <c r="B24" s="179"/>
      <c r="C24" s="9" t="s">
        <v>14</v>
      </c>
      <c r="D24" s="214" t="s">
        <v>14</v>
      </c>
      <c r="E24" s="215"/>
      <c r="F24" s="2"/>
      <c r="G24" s="2"/>
      <c r="H24" s="2"/>
      <c r="I24" s="2"/>
      <c r="J24" s="2"/>
    </row>
    <row r="25" spans="1:10" s="3" customFormat="1" ht="30" customHeight="1">
      <c r="B25" s="179" t="s">
        <v>14</v>
      </c>
      <c r="C25" s="9" t="s">
        <v>14</v>
      </c>
      <c r="D25" s="214" t="s">
        <v>14</v>
      </c>
      <c r="E25" s="215"/>
      <c r="F25" s="2"/>
      <c r="G25" s="2"/>
      <c r="H25" s="2"/>
      <c r="I25" s="2"/>
      <c r="J25" s="2"/>
    </row>
    <row r="26" spans="1:10" s="3" customFormat="1" ht="30" customHeight="1">
      <c r="B26" s="179"/>
      <c r="C26" s="1" t="s">
        <v>14</v>
      </c>
      <c r="D26" s="214" t="s">
        <v>14</v>
      </c>
      <c r="E26" s="215"/>
      <c r="F26" s="2"/>
      <c r="G26" s="2"/>
      <c r="H26" s="2"/>
      <c r="I26" s="2"/>
      <c r="J26" s="2"/>
    </row>
    <row r="27" spans="1:10" s="3" customFormat="1" ht="30" customHeight="1">
      <c r="B27" s="179" t="s">
        <v>14</v>
      </c>
      <c r="C27" s="9" t="s">
        <v>14</v>
      </c>
      <c r="D27" s="214" t="s">
        <v>14</v>
      </c>
      <c r="E27" s="215"/>
      <c r="F27" s="2"/>
      <c r="G27" s="2"/>
      <c r="H27" s="2"/>
      <c r="I27" s="2"/>
      <c r="J27" s="2"/>
    </row>
    <row r="28" spans="1:10" s="3" customFormat="1" ht="30" customHeight="1">
      <c r="B28" s="179"/>
      <c r="C28" s="1" t="s">
        <v>14</v>
      </c>
      <c r="D28" s="214" t="s">
        <v>14</v>
      </c>
      <c r="E28" s="215"/>
      <c r="F28" s="2"/>
      <c r="G28" s="2"/>
      <c r="H28" s="2"/>
      <c r="I28" s="2"/>
      <c r="J28" s="2"/>
    </row>
    <row r="29" spans="1:10" s="3" customFormat="1" ht="30" customHeight="1">
      <c r="B29" s="179"/>
      <c r="C29" s="9" t="s">
        <v>14</v>
      </c>
      <c r="D29" s="214" t="s">
        <v>14</v>
      </c>
      <c r="E29" s="215"/>
      <c r="F29" s="2"/>
      <c r="G29" s="2"/>
      <c r="H29" s="2"/>
      <c r="I29" s="2"/>
      <c r="J29" s="2"/>
    </row>
    <row r="30" spans="1:10" s="3" customFormat="1" ht="30" customHeight="1">
      <c r="A30" s="3" t="s">
        <v>14</v>
      </c>
      <c r="B30" s="179" t="s">
        <v>14</v>
      </c>
      <c r="C30" s="10"/>
      <c r="D30" s="214" t="s">
        <v>14</v>
      </c>
      <c r="E30" s="215"/>
      <c r="F30" s="2"/>
      <c r="G30" s="2"/>
      <c r="H30" s="2"/>
      <c r="I30" s="2"/>
      <c r="J30" s="2"/>
    </row>
    <row r="31" spans="1:10">
      <c r="B31" s="3"/>
      <c r="C31" s="3"/>
      <c r="D31" s="3"/>
      <c r="E31" s="3"/>
      <c r="F31" s="3"/>
      <c r="G31" s="3"/>
      <c r="H31" s="3"/>
      <c r="I31" s="3"/>
      <c r="J31" s="3"/>
    </row>
  </sheetData>
  <mergeCells count="33">
    <mergeCell ref="B9:B10"/>
    <mergeCell ref="C9:C10"/>
    <mergeCell ref="A2:J2"/>
    <mergeCell ref="A3:J3"/>
    <mergeCell ref="B5:D5"/>
    <mergeCell ref="B6:D6"/>
    <mergeCell ref="F9:F10"/>
    <mergeCell ref="G9:J9"/>
    <mergeCell ref="F5:G5"/>
    <mergeCell ref="H5:J5"/>
    <mergeCell ref="F6:G6"/>
    <mergeCell ref="H6:J6"/>
    <mergeCell ref="D9:E10"/>
    <mergeCell ref="D28:E28"/>
    <mergeCell ref="D29:E29"/>
    <mergeCell ref="D30:E30"/>
    <mergeCell ref="D21:E21"/>
    <mergeCell ref="D22:E22"/>
    <mergeCell ref="D23:E23"/>
    <mergeCell ref="D24:E24"/>
    <mergeCell ref="D25:E25"/>
    <mergeCell ref="D26:E26"/>
    <mergeCell ref="D27:E27"/>
    <mergeCell ref="D16:E16"/>
    <mergeCell ref="D17:E17"/>
    <mergeCell ref="D18:E18"/>
    <mergeCell ref="D19:E19"/>
    <mergeCell ref="D20:E20"/>
    <mergeCell ref="D11:E11"/>
    <mergeCell ref="D12:E12"/>
    <mergeCell ref="D13:E13"/>
    <mergeCell ref="D14:E14"/>
    <mergeCell ref="D15:E15"/>
  </mergeCells>
  <phoneticPr fontId="2"/>
  <pageMargins left="0.78740157480314965" right="0.19685039370078741" top="0.51181102362204722" bottom="0.51181102362204722" header="0.31496062992125984" footer="0.31496062992125984"/>
  <pageSetup paperSize="9" orientation="portrait" r:id="rId1"/>
  <headerFooter alignWithMargins="0">
    <oddHeader>&amp;L化学物質使用責任者用
（様式２‐１）</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dimension ref="A2:J32"/>
  <sheetViews>
    <sheetView view="pageBreakPreview" zoomScaleNormal="100" zoomScaleSheetLayoutView="100" workbookViewId="0">
      <selection activeCell="F11" sqref="F11"/>
    </sheetView>
  </sheetViews>
  <sheetFormatPr defaultRowHeight="13.5"/>
  <cols>
    <col min="1" max="1" width="1.75" style="5" customWidth="1"/>
    <col min="2" max="2" width="3.75" style="5" customWidth="1"/>
    <col min="3" max="3" width="7.5" style="5" bestFit="1" customWidth="1"/>
    <col min="4" max="4" width="9" style="5"/>
    <col min="5" max="5" width="13.75" style="5" customWidth="1"/>
    <col min="6" max="6" width="7.625" style="5" customWidth="1"/>
    <col min="7" max="7" width="11.5" style="5" customWidth="1"/>
    <col min="8" max="8" width="11" style="5" customWidth="1"/>
    <col min="9" max="9" width="11.125" style="5" customWidth="1"/>
    <col min="10" max="10" width="11.625" style="5" customWidth="1"/>
    <col min="11" max="16384" width="9" style="5"/>
  </cols>
  <sheetData>
    <row r="2" spans="1:10" s="3" customFormat="1" ht="24">
      <c r="A2" s="220" t="s">
        <v>33</v>
      </c>
      <c r="B2" s="220"/>
      <c r="C2" s="220"/>
      <c r="D2" s="220"/>
      <c r="E2" s="220"/>
      <c r="F2" s="220"/>
      <c r="G2" s="220"/>
      <c r="H2" s="220"/>
      <c r="I2" s="220"/>
      <c r="J2" s="220"/>
    </row>
    <row r="3" spans="1:10" s="3" customFormat="1" ht="17.25">
      <c r="A3" s="221"/>
      <c r="B3" s="221"/>
      <c r="C3" s="221"/>
      <c r="D3" s="221"/>
      <c r="E3" s="221"/>
      <c r="F3" s="221"/>
      <c r="G3" s="221"/>
      <c r="H3" s="221"/>
      <c r="I3" s="221"/>
      <c r="J3" s="221"/>
    </row>
    <row r="4" spans="1:10" s="3" customFormat="1" ht="11.25" customHeight="1" thickBot="1">
      <c r="B4" s="6"/>
      <c r="C4" s="6"/>
      <c r="D4" s="6"/>
      <c r="E4" s="6"/>
      <c r="F4" s="6"/>
      <c r="G4" s="6"/>
      <c r="H4" s="6"/>
      <c r="I4" s="6"/>
      <c r="J4" s="6"/>
    </row>
    <row r="5" spans="1:10" s="3" customFormat="1" ht="29.25" customHeight="1" thickTop="1">
      <c r="B5" s="222" t="s">
        <v>16</v>
      </c>
      <c r="C5" s="223"/>
      <c r="D5" s="224"/>
      <c r="E5" s="254" t="s">
        <v>14</v>
      </c>
      <c r="F5" s="255"/>
      <c r="G5" s="256" t="s">
        <v>19</v>
      </c>
      <c r="H5" s="257"/>
      <c r="I5" s="258" t="s">
        <v>17</v>
      </c>
      <c r="J5" s="259"/>
    </row>
    <row r="6" spans="1:10" s="3" customFormat="1" ht="30" customHeight="1" thickBot="1">
      <c r="B6" s="225" t="s">
        <v>107</v>
      </c>
      <c r="C6" s="226"/>
      <c r="D6" s="227"/>
      <c r="E6" s="243"/>
      <c r="F6" s="244"/>
      <c r="G6" s="245" t="s">
        <v>4</v>
      </c>
      <c r="H6" s="246"/>
      <c r="I6" s="245"/>
      <c r="J6" s="247"/>
    </row>
    <row r="7" spans="1:10" s="3" customFormat="1" ht="14.25" thickTop="1"/>
    <row r="8" spans="1:10" s="3" customFormat="1"/>
    <row r="9" spans="1:10" s="3" customFormat="1" ht="20.25" customHeight="1">
      <c r="B9" s="216" t="s">
        <v>18</v>
      </c>
      <c r="C9" s="248" t="s">
        <v>34</v>
      </c>
      <c r="D9" s="249"/>
      <c r="E9" s="250"/>
      <c r="F9" s="228" t="s">
        <v>108</v>
      </c>
      <c r="G9" s="230" t="s">
        <v>15</v>
      </c>
      <c r="H9" s="231"/>
      <c r="I9" s="231"/>
      <c r="J9" s="232"/>
    </row>
    <row r="10" spans="1:10" s="3" customFormat="1" ht="36" customHeight="1">
      <c r="B10" s="217"/>
      <c r="C10" s="251"/>
      <c r="D10" s="252"/>
      <c r="E10" s="253"/>
      <c r="F10" s="229"/>
      <c r="G10" s="7" t="s">
        <v>198</v>
      </c>
      <c r="H10" s="7" t="s">
        <v>198</v>
      </c>
      <c r="I10" s="7" t="s">
        <v>198</v>
      </c>
      <c r="J10" s="7" t="s">
        <v>198</v>
      </c>
    </row>
    <row r="11" spans="1:10" s="3" customFormat="1" ht="30" customHeight="1">
      <c r="B11" s="179"/>
      <c r="C11" s="240" t="s">
        <v>14</v>
      </c>
      <c r="D11" s="241"/>
      <c r="E11" s="242"/>
      <c r="F11" s="17"/>
      <c r="G11" s="17"/>
      <c r="H11" s="17"/>
      <c r="I11" s="17"/>
      <c r="J11" s="17"/>
    </row>
    <row r="12" spans="1:10" s="3" customFormat="1" ht="30" customHeight="1">
      <c r="B12" s="179"/>
      <c r="C12" s="240" t="s">
        <v>14</v>
      </c>
      <c r="D12" s="241"/>
      <c r="E12" s="242"/>
      <c r="F12" s="17"/>
      <c r="G12" s="17"/>
      <c r="H12" s="17"/>
      <c r="I12" s="17"/>
      <c r="J12" s="17"/>
    </row>
    <row r="13" spans="1:10" s="3" customFormat="1" ht="30" customHeight="1">
      <c r="B13" s="179"/>
      <c r="C13" s="240" t="s">
        <v>14</v>
      </c>
      <c r="D13" s="241"/>
      <c r="E13" s="242"/>
      <c r="F13" s="17"/>
      <c r="G13" s="17"/>
      <c r="H13" s="17"/>
      <c r="I13" s="17"/>
      <c r="J13" s="17"/>
    </row>
    <row r="14" spans="1:10" s="3" customFormat="1" ht="30" customHeight="1">
      <c r="B14" s="179"/>
      <c r="C14" s="240" t="s">
        <v>14</v>
      </c>
      <c r="D14" s="241"/>
      <c r="E14" s="242"/>
      <c r="F14" s="17"/>
      <c r="G14" s="17"/>
      <c r="H14" s="17"/>
      <c r="I14" s="17"/>
      <c r="J14" s="17"/>
    </row>
    <row r="15" spans="1:10" s="3" customFormat="1" ht="30" customHeight="1">
      <c r="B15" s="179"/>
      <c r="C15" s="240" t="s">
        <v>14</v>
      </c>
      <c r="D15" s="241"/>
      <c r="E15" s="242"/>
      <c r="F15" s="17"/>
      <c r="G15" s="17"/>
      <c r="H15" s="17"/>
      <c r="I15" s="17"/>
      <c r="J15" s="17"/>
    </row>
    <row r="16" spans="1:10" s="3" customFormat="1" ht="30" customHeight="1">
      <c r="B16" s="179"/>
      <c r="C16" s="240" t="s">
        <v>14</v>
      </c>
      <c r="D16" s="241"/>
      <c r="E16" s="242"/>
      <c r="F16" s="17"/>
      <c r="G16" s="17"/>
      <c r="H16" s="17"/>
      <c r="I16" s="17"/>
      <c r="J16" s="17"/>
    </row>
    <row r="17" spans="1:10" s="3" customFormat="1" ht="30" customHeight="1">
      <c r="B17" s="179"/>
      <c r="C17" s="240" t="s">
        <v>14</v>
      </c>
      <c r="D17" s="241"/>
      <c r="E17" s="242"/>
      <c r="F17" s="17"/>
      <c r="G17" s="17"/>
      <c r="H17" s="17"/>
      <c r="I17" s="17"/>
      <c r="J17" s="17"/>
    </row>
    <row r="18" spans="1:10" s="3" customFormat="1" ht="30" customHeight="1">
      <c r="B18" s="179"/>
      <c r="C18" s="240" t="s">
        <v>14</v>
      </c>
      <c r="D18" s="241"/>
      <c r="E18" s="242"/>
      <c r="F18" s="17"/>
      <c r="G18" s="17"/>
      <c r="H18" s="17"/>
      <c r="I18" s="17"/>
      <c r="J18" s="17"/>
    </row>
    <row r="19" spans="1:10" s="3" customFormat="1" ht="30" customHeight="1">
      <c r="B19" s="179"/>
      <c r="C19" s="240" t="s">
        <v>14</v>
      </c>
      <c r="D19" s="241"/>
      <c r="E19" s="242"/>
      <c r="F19" s="17"/>
      <c r="G19" s="17"/>
      <c r="H19" s="17"/>
      <c r="I19" s="17"/>
      <c r="J19" s="17"/>
    </row>
    <row r="20" spans="1:10" s="3" customFormat="1" ht="30" customHeight="1">
      <c r="B20" s="179"/>
      <c r="C20" s="240" t="s">
        <v>14</v>
      </c>
      <c r="D20" s="241"/>
      <c r="E20" s="242"/>
      <c r="F20" s="17"/>
      <c r="G20" s="17"/>
      <c r="H20" s="17"/>
      <c r="I20" s="17"/>
      <c r="J20" s="17"/>
    </row>
    <row r="21" spans="1:10" s="3" customFormat="1" ht="30" customHeight="1">
      <c r="B21" s="179"/>
      <c r="C21" s="240" t="s">
        <v>14</v>
      </c>
      <c r="D21" s="241"/>
      <c r="E21" s="242"/>
      <c r="F21" s="17"/>
      <c r="G21" s="17"/>
      <c r="H21" s="17"/>
      <c r="I21" s="17"/>
      <c r="J21" s="17"/>
    </row>
    <row r="22" spans="1:10" s="3" customFormat="1" ht="30" customHeight="1">
      <c r="B22" s="179"/>
      <c r="C22" s="240" t="s">
        <v>14</v>
      </c>
      <c r="D22" s="241"/>
      <c r="E22" s="242"/>
      <c r="F22" s="17"/>
      <c r="G22" s="17"/>
      <c r="H22" s="17"/>
      <c r="I22" s="17"/>
      <c r="J22" s="17"/>
    </row>
    <row r="23" spans="1:10" s="3" customFormat="1" ht="30" customHeight="1">
      <c r="B23" s="179"/>
      <c r="C23" s="240" t="s">
        <v>14</v>
      </c>
      <c r="D23" s="241"/>
      <c r="E23" s="242"/>
      <c r="F23" s="17"/>
      <c r="G23" s="17"/>
      <c r="H23" s="17"/>
      <c r="I23" s="17"/>
      <c r="J23" s="17"/>
    </row>
    <row r="24" spans="1:10" s="3" customFormat="1" ht="30" customHeight="1">
      <c r="B24" s="179"/>
      <c r="C24" s="240" t="s">
        <v>14</v>
      </c>
      <c r="D24" s="241"/>
      <c r="E24" s="242"/>
      <c r="F24" s="17"/>
      <c r="G24" s="17"/>
      <c r="H24" s="17"/>
      <c r="I24" s="17"/>
      <c r="J24" s="17"/>
    </row>
    <row r="25" spans="1:10" s="3" customFormat="1" ht="30" customHeight="1">
      <c r="B25" s="179" t="s">
        <v>14</v>
      </c>
      <c r="C25" s="240" t="s">
        <v>14</v>
      </c>
      <c r="D25" s="241"/>
      <c r="E25" s="242"/>
      <c r="F25" s="17"/>
      <c r="G25" s="17"/>
      <c r="H25" s="17"/>
      <c r="I25" s="17"/>
      <c r="J25" s="17"/>
    </row>
    <row r="26" spans="1:10" s="3" customFormat="1" ht="30" customHeight="1">
      <c r="B26" s="179"/>
      <c r="C26" s="240" t="s">
        <v>14</v>
      </c>
      <c r="D26" s="241"/>
      <c r="E26" s="242"/>
      <c r="F26" s="17"/>
      <c r="G26" s="17"/>
      <c r="H26" s="17"/>
      <c r="I26" s="17"/>
      <c r="J26" s="17"/>
    </row>
    <row r="27" spans="1:10" s="3" customFormat="1" ht="30" customHeight="1">
      <c r="B27" s="179" t="s">
        <v>14</v>
      </c>
      <c r="C27" s="240" t="s">
        <v>14</v>
      </c>
      <c r="D27" s="241"/>
      <c r="E27" s="242"/>
      <c r="F27" s="17"/>
      <c r="G27" s="17"/>
      <c r="H27" s="17"/>
      <c r="I27" s="17"/>
      <c r="J27" s="17"/>
    </row>
    <row r="28" spans="1:10" s="3" customFormat="1" ht="30" customHeight="1">
      <c r="B28" s="179"/>
      <c r="C28" s="240" t="s">
        <v>14</v>
      </c>
      <c r="D28" s="241"/>
      <c r="E28" s="242"/>
      <c r="F28" s="17"/>
      <c r="G28" s="17"/>
      <c r="H28" s="17"/>
      <c r="I28" s="17"/>
      <c r="J28" s="17"/>
    </row>
    <row r="29" spans="1:10" s="3" customFormat="1" ht="30" customHeight="1">
      <c r="B29" s="179"/>
      <c r="C29" s="240" t="s">
        <v>14</v>
      </c>
      <c r="D29" s="241"/>
      <c r="E29" s="242"/>
      <c r="F29" s="17"/>
      <c r="G29" s="17"/>
      <c r="H29" s="17"/>
      <c r="I29" s="17"/>
      <c r="J29" s="17"/>
    </row>
    <row r="30" spans="1:10" s="3" customFormat="1" ht="30" customHeight="1">
      <c r="A30" s="3" t="s">
        <v>14</v>
      </c>
      <c r="B30" s="179" t="s">
        <v>14</v>
      </c>
      <c r="C30" s="240" t="s">
        <v>14</v>
      </c>
      <c r="D30" s="241"/>
      <c r="E30" s="242"/>
      <c r="F30" s="17"/>
      <c r="G30" s="17"/>
      <c r="H30" s="17"/>
      <c r="I30" s="17"/>
      <c r="J30" s="17"/>
    </row>
    <row r="31" spans="1:10">
      <c r="B31" s="179"/>
      <c r="C31" s="3"/>
      <c r="D31" s="3"/>
      <c r="E31" s="3"/>
      <c r="F31" s="3"/>
      <c r="G31" s="3"/>
      <c r="H31" s="3"/>
      <c r="I31" s="3"/>
      <c r="J31" s="3"/>
    </row>
    <row r="32" spans="1:10">
      <c r="B32" s="179"/>
    </row>
  </sheetData>
  <mergeCells count="34">
    <mergeCell ref="A2:J2"/>
    <mergeCell ref="A3:J3"/>
    <mergeCell ref="B5:D5"/>
    <mergeCell ref="E5:F5"/>
    <mergeCell ref="G5:H5"/>
    <mergeCell ref="I5:J5"/>
    <mergeCell ref="B6:D6"/>
    <mergeCell ref="E6:F6"/>
    <mergeCell ref="G6:H6"/>
    <mergeCell ref="I6:J6"/>
    <mergeCell ref="B9:B10"/>
    <mergeCell ref="C9:E10"/>
    <mergeCell ref="F9:F10"/>
    <mergeCell ref="G9:J9"/>
    <mergeCell ref="C22:E22"/>
    <mergeCell ref="C11:E11"/>
    <mergeCell ref="C12:E12"/>
    <mergeCell ref="C13:E13"/>
    <mergeCell ref="C14:E14"/>
    <mergeCell ref="C15:E15"/>
    <mergeCell ref="C16:E16"/>
    <mergeCell ref="C17:E17"/>
    <mergeCell ref="C18:E18"/>
    <mergeCell ref="C19:E19"/>
    <mergeCell ref="C20:E20"/>
    <mergeCell ref="C21:E21"/>
    <mergeCell ref="C29:E29"/>
    <mergeCell ref="C30:E30"/>
    <mergeCell ref="C23:E23"/>
    <mergeCell ref="C24:E24"/>
    <mergeCell ref="C25:E25"/>
    <mergeCell ref="C26:E26"/>
    <mergeCell ref="C27:E27"/>
    <mergeCell ref="C28:E28"/>
  </mergeCells>
  <phoneticPr fontId="2"/>
  <pageMargins left="0.78740157480314965" right="0.19685039370078741" top="0.51181102362204722" bottom="0.51181102362204722" header="0.31496062992125984" footer="0.31496062992125984"/>
  <pageSetup paperSize="9" orientation="portrait" r:id="rId1"/>
  <headerFooter alignWithMargins="0">
    <oddHeader>&amp;L化学物質使用責任者用
（様式２‐２）</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dimension ref="A1:H37"/>
  <sheetViews>
    <sheetView view="pageBreakPreview" zoomScaleNormal="100" zoomScaleSheetLayoutView="100" workbookViewId="0"/>
  </sheetViews>
  <sheetFormatPr defaultRowHeight="13.5"/>
  <cols>
    <col min="1" max="1" width="5.875" style="19" customWidth="1"/>
    <col min="2" max="2" width="30.125" style="19" customWidth="1"/>
    <col min="3" max="3" width="8.875" style="19" bestFit="1" customWidth="1"/>
    <col min="4" max="8" width="10.75" style="19" customWidth="1"/>
    <col min="9" max="256" width="9" style="19"/>
    <col min="257" max="257" width="5.875" style="19" customWidth="1"/>
    <col min="258" max="258" width="30.125" style="19" customWidth="1"/>
    <col min="259" max="259" width="8.875" style="19" bestFit="1" customWidth="1"/>
    <col min="260" max="264" width="10.75" style="19" customWidth="1"/>
    <col min="265" max="512" width="9" style="19"/>
    <col min="513" max="513" width="5.875" style="19" customWidth="1"/>
    <col min="514" max="514" width="30.125" style="19" customWidth="1"/>
    <col min="515" max="515" width="8.875" style="19" bestFit="1" customWidth="1"/>
    <col min="516" max="520" width="10.75" style="19" customWidth="1"/>
    <col min="521" max="768" width="9" style="19"/>
    <col min="769" max="769" width="5.875" style="19" customWidth="1"/>
    <col min="770" max="770" width="30.125" style="19" customWidth="1"/>
    <col min="771" max="771" width="8.875" style="19" bestFit="1" customWidth="1"/>
    <col min="772" max="776" width="10.75" style="19" customWidth="1"/>
    <col min="777" max="1024" width="9" style="19"/>
    <col min="1025" max="1025" width="5.875" style="19" customWidth="1"/>
    <col min="1026" max="1026" width="30.125" style="19" customWidth="1"/>
    <col min="1027" max="1027" width="8.875" style="19" bestFit="1" customWidth="1"/>
    <col min="1028" max="1032" width="10.75" style="19" customWidth="1"/>
    <col min="1033" max="1280" width="9" style="19"/>
    <col min="1281" max="1281" width="5.875" style="19" customWidth="1"/>
    <col min="1282" max="1282" width="30.125" style="19" customWidth="1"/>
    <col min="1283" max="1283" width="8.875" style="19" bestFit="1" customWidth="1"/>
    <col min="1284" max="1288" width="10.75" style="19" customWidth="1"/>
    <col min="1289" max="1536" width="9" style="19"/>
    <col min="1537" max="1537" width="5.875" style="19" customWidth="1"/>
    <col min="1538" max="1538" width="30.125" style="19" customWidth="1"/>
    <col min="1539" max="1539" width="8.875" style="19" bestFit="1" customWidth="1"/>
    <col min="1540" max="1544" width="10.75" style="19" customWidth="1"/>
    <col min="1545" max="1792" width="9" style="19"/>
    <col min="1793" max="1793" width="5.875" style="19" customWidth="1"/>
    <col min="1794" max="1794" width="30.125" style="19" customWidth="1"/>
    <col min="1795" max="1795" width="8.875" style="19" bestFit="1" customWidth="1"/>
    <col min="1796" max="1800" width="10.75" style="19" customWidth="1"/>
    <col min="1801" max="2048" width="9" style="19"/>
    <col min="2049" max="2049" width="5.875" style="19" customWidth="1"/>
    <col min="2050" max="2050" width="30.125" style="19" customWidth="1"/>
    <col min="2051" max="2051" width="8.875" style="19" bestFit="1" customWidth="1"/>
    <col min="2052" max="2056" width="10.75" style="19" customWidth="1"/>
    <col min="2057" max="2304" width="9" style="19"/>
    <col min="2305" max="2305" width="5.875" style="19" customWidth="1"/>
    <col min="2306" max="2306" width="30.125" style="19" customWidth="1"/>
    <col min="2307" max="2307" width="8.875" style="19" bestFit="1" customWidth="1"/>
    <col min="2308" max="2312" width="10.75" style="19" customWidth="1"/>
    <col min="2313" max="2560" width="9" style="19"/>
    <col min="2561" max="2561" width="5.875" style="19" customWidth="1"/>
    <col min="2562" max="2562" width="30.125" style="19" customWidth="1"/>
    <col min="2563" max="2563" width="8.875" style="19" bestFit="1" customWidth="1"/>
    <col min="2564" max="2568" width="10.75" style="19" customWidth="1"/>
    <col min="2569" max="2816" width="9" style="19"/>
    <col min="2817" max="2817" width="5.875" style="19" customWidth="1"/>
    <col min="2818" max="2818" width="30.125" style="19" customWidth="1"/>
    <col min="2819" max="2819" width="8.875" style="19" bestFit="1" customWidth="1"/>
    <col min="2820" max="2824" width="10.75" style="19" customWidth="1"/>
    <col min="2825" max="3072" width="9" style="19"/>
    <col min="3073" max="3073" width="5.875" style="19" customWidth="1"/>
    <col min="3074" max="3074" width="30.125" style="19" customWidth="1"/>
    <col min="3075" max="3075" width="8.875" style="19" bestFit="1" customWidth="1"/>
    <col min="3076" max="3080" width="10.75" style="19" customWidth="1"/>
    <col min="3081" max="3328" width="9" style="19"/>
    <col min="3329" max="3329" width="5.875" style="19" customWidth="1"/>
    <col min="3330" max="3330" width="30.125" style="19" customWidth="1"/>
    <col min="3331" max="3331" width="8.875" style="19" bestFit="1" customWidth="1"/>
    <col min="3332" max="3336" width="10.75" style="19" customWidth="1"/>
    <col min="3337" max="3584" width="9" style="19"/>
    <col min="3585" max="3585" width="5.875" style="19" customWidth="1"/>
    <col min="3586" max="3586" width="30.125" style="19" customWidth="1"/>
    <col min="3587" max="3587" width="8.875" style="19" bestFit="1" customWidth="1"/>
    <col min="3588" max="3592" width="10.75" style="19" customWidth="1"/>
    <col min="3593" max="3840" width="9" style="19"/>
    <col min="3841" max="3841" width="5.875" style="19" customWidth="1"/>
    <col min="3842" max="3842" width="30.125" style="19" customWidth="1"/>
    <col min="3843" max="3843" width="8.875" style="19" bestFit="1" customWidth="1"/>
    <col min="3844" max="3848" width="10.75" style="19" customWidth="1"/>
    <col min="3849" max="4096" width="9" style="19"/>
    <col min="4097" max="4097" width="5.875" style="19" customWidth="1"/>
    <col min="4098" max="4098" width="30.125" style="19" customWidth="1"/>
    <col min="4099" max="4099" width="8.875" style="19" bestFit="1" customWidth="1"/>
    <col min="4100" max="4104" width="10.75" style="19" customWidth="1"/>
    <col min="4105" max="4352" width="9" style="19"/>
    <col min="4353" max="4353" width="5.875" style="19" customWidth="1"/>
    <col min="4354" max="4354" width="30.125" style="19" customWidth="1"/>
    <col min="4355" max="4355" width="8.875" style="19" bestFit="1" customWidth="1"/>
    <col min="4356" max="4360" width="10.75" style="19" customWidth="1"/>
    <col min="4361" max="4608" width="9" style="19"/>
    <col min="4609" max="4609" width="5.875" style="19" customWidth="1"/>
    <col min="4610" max="4610" width="30.125" style="19" customWidth="1"/>
    <col min="4611" max="4611" width="8.875" style="19" bestFit="1" customWidth="1"/>
    <col min="4612" max="4616" width="10.75" style="19" customWidth="1"/>
    <col min="4617" max="4864" width="9" style="19"/>
    <col min="4865" max="4865" width="5.875" style="19" customWidth="1"/>
    <col min="4866" max="4866" width="30.125" style="19" customWidth="1"/>
    <col min="4867" max="4867" width="8.875" style="19" bestFit="1" customWidth="1"/>
    <col min="4868" max="4872" width="10.75" style="19" customWidth="1"/>
    <col min="4873" max="5120" width="9" style="19"/>
    <col min="5121" max="5121" width="5.875" style="19" customWidth="1"/>
    <col min="5122" max="5122" width="30.125" style="19" customWidth="1"/>
    <col min="5123" max="5123" width="8.875" style="19" bestFit="1" customWidth="1"/>
    <col min="5124" max="5128" width="10.75" style="19" customWidth="1"/>
    <col min="5129" max="5376" width="9" style="19"/>
    <col min="5377" max="5377" width="5.875" style="19" customWidth="1"/>
    <col min="5378" max="5378" width="30.125" style="19" customWidth="1"/>
    <col min="5379" max="5379" width="8.875" style="19" bestFit="1" customWidth="1"/>
    <col min="5380" max="5384" width="10.75" style="19" customWidth="1"/>
    <col min="5385" max="5632" width="9" style="19"/>
    <col min="5633" max="5633" width="5.875" style="19" customWidth="1"/>
    <col min="5634" max="5634" width="30.125" style="19" customWidth="1"/>
    <col min="5635" max="5635" width="8.875" style="19" bestFit="1" customWidth="1"/>
    <col min="5636" max="5640" width="10.75" style="19" customWidth="1"/>
    <col min="5641" max="5888" width="9" style="19"/>
    <col min="5889" max="5889" width="5.875" style="19" customWidth="1"/>
    <col min="5890" max="5890" width="30.125" style="19" customWidth="1"/>
    <col min="5891" max="5891" width="8.875" style="19" bestFit="1" customWidth="1"/>
    <col min="5892" max="5896" width="10.75" style="19" customWidth="1"/>
    <col min="5897" max="6144" width="9" style="19"/>
    <col min="6145" max="6145" width="5.875" style="19" customWidth="1"/>
    <col min="6146" max="6146" width="30.125" style="19" customWidth="1"/>
    <col min="6147" max="6147" width="8.875" style="19" bestFit="1" customWidth="1"/>
    <col min="6148" max="6152" width="10.75" style="19" customWidth="1"/>
    <col min="6153" max="6400" width="9" style="19"/>
    <col min="6401" max="6401" width="5.875" style="19" customWidth="1"/>
    <col min="6402" max="6402" width="30.125" style="19" customWidth="1"/>
    <col min="6403" max="6403" width="8.875" style="19" bestFit="1" customWidth="1"/>
    <col min="6404" max="6408" width="10.75" style="19" customWidth="1"/>
    <col min="6409" max="6656" width="9" style="19"/>
    <col min="6657" max="6657" width="5.875" style="19" customWidth="1"/>
    <col min="6658" max="6658" width="30.125" style="19" customWidth="1"/>
    <col min="6659" max="6659" width="8.875" style="19" bestFit="1" customWidth="1"/>
    <col min="6660" max="6664" width="10.75" style="19" customWidth="1"/>
    <col min="6665" max="6912" width="9" style="19"/>
    <col min="6913" max="6913" width="5.875" style="19" customWidth="1"/>
    <col min="6914" max="6914" width="30.125" style="19" customWidth="1"/>
    <col min="6915" max="6915" width="8.875" style="19" bestFit="1" customWidth="1"/>
    <col min="6916" max="6920" width="10.75" style="19" customWidth="1"/>
    <col min="6921" max="7168" width="9" style="19"/>
    <col min="7169" max="7169" width="5.875" style="19" customWidth="1"/>
    <col min="7170" max="7170" width="30.125" style="19" customWidth="1"/>
    <col min="7171" max="7171" width="8.875" style="19" bestFit="1" customWidth="1"/>
    <col min="7172" max="7176" width="10.75" style="19" customWidth="1"/>
    <col min="7177" max="7424" width="9" style="19"/>
    <col min="7425" max="7425" width="5.875" style="19" customWidth="1"/>
    <col min="7426" max="7426" width="30.125" style="19" customWidth="1"/>
    <col min="7427" max="7427" width="8.875" style="19" bestFit="1" customWidth="1"/>
    <col min="7428" max="7432" width="10.75" style="19" customWidth="1"/>
    <col min="7433" max="7680" width="9" style="19"/>
    <col min="7681" max="7681" width="5.875" style="19" customWidth="1"/>
    <col min="7682" max="7682" width="30.125" style="19" customWidth="1"/>
    <col min="7683" max="7683" width="8.875" style="19" bestFit="1" customWidth="1"/>
    <col min="7684" max="7688" width="10.75" style="19" customWidth="1"/>
    <col min="7689" max="7936" width="9" style="19"/>
    <col min="7937" max="7937" width="5.875" style="19" customWidth="1"/>
    <col min="7938" max="7938" width="30.125" style="19" customWidth="1"/>
    <col min="7939" max="7939" width="8.875" style="19" bestFit="1" customWidth="1"/>
    <col min="7940" max="7944" width="10.75" style="19" customWidth="1"/>
    <col min="7945" max="8192" width="9" style="19"/>
    <col min="8193" max="8193" width="5.875" style="19" customWidth="1"/>
    <col min="8194" max="8194" width="30.125" style="19" customWidth="1"/>
    <col min="8195" max="8195" width="8.875" style="19" bestFit="1" customWidth="1"/>
    <col min="8196" max="8200" width="10.75" style="19" customWidth="1"/>
    <col min="8201" max="8448" width="9" style="19"/>
    <col min="8449" max="8449" width="5.875" style="19" customWidth="1"/>
    <col min="8450" max="8450" width="30.125" style="19" customWidth="1"/>
    <col min="8451" max="8451" width="8.875" style="19" bestFit="1" customWidth="1"/>
    <col min="8452" max="8456" width="10.75" style="19" customWidth="1"/>
    <col min="8457" max="8704" width="9" style="19"/>
    <col min="8705" max="8705" width="5.875" style="19" customWidth="1"/>
    <col min="8706" max="8706" width="30.125" style="19" customWidth="1"/>
    <col min="8707" max="8707" width="8.875" style="19" bestFit="1" customWidth="1"/>
    <col min="8708" max="8712" width="10.75" style="19" customWidth="1"/>
    <col min="8713" max="8960" width="9" style="19"/>
    <col min="8961" max="8961" width="5.875" style="19" customWidth="1"/>
    <col min="8962" max="8962" width="30.125" style="19" customWidth="1"/>
    <col min="8963" max="8963" width="8.875" style="19" bestFit="1" customWidth="1"/>
    <col min="8964" max="8968" width="10.75" style="19" customWidth="1"/>
    <col min="8969" max="9216" width="9" style="19"/>
    <col min="9217" max="9217" width="5.875" style="19" customWidth="1"/>
    <col min="9218" max="9218" width="30.125" style="19" customWidth="1"/>
    <col min="9219" max="9219" width="8.875" style="19" bestFit="1" customWidth="1"/>
    <col min="9220" max="9224" width="10.75" style="19" customWidth="1"/>
    <col min="9225" max="9472" width="9" style="19"/>
    <col min="9473" max="9473" width="5.875" style="19" customWidth="1"/>
    <col min="9474" max="9474" width="30.125" style="19" customWidth="1"/>
    <col min="9475" max="9475" width="8.875" style="19" bestFit="1" customWidth="1"/>
    <col min="9476" max="9480" width="10.75" style="19" customWidth="1"/>
    <col min="9481" max="9728" width="9" style="19"/>
    <col min="9729" max="9729" width="5.875" style="19" customWidth="1"/>
    <col min="9730" max="9730" width="30.125" style="19" customWidth="1"/>
    <col min="9731" max="9731" width="8.875" style="19" bestFit="1" customWidth="1"/>
    <col min="9732" max="9736" width="10.75" style="19" customWidth="1"/>
    <col min="9737" max="9984" width="9" style="19"/>
    <col min="9985" max="9985" width="5.875" style="19" customWidth="1"/>
    <col min="9986" max="9986" width="30.125" style="19" customWidth="1"/>
    <col min="9987" max="9987" width="8.875" style="19" bestFit="1" customWidth="1"/>
    <col min="9988" max="9992" width="10.75" style="19" customWidth="1"/>
    <col min="9993" max="10240" width="9" style="19"/>
    <col min="10241" max="10241" width="5.875" style="19" customWidth="1"/>
    <col min="10242" max="10242" width="30.125" style="19" customWidth="1"/>
    <col min="10243" max="10243" width="8.875" style="19" bestFit="1" customWidth="1"/>
    <col min="10244" max="10248" width="10.75" style="19" customWidth="1"/>
    <col min="10249" max="10496" width="9" style="19"/>
    <col min="10497" max="10497" width="5.875" style="19" customWidth="1"/>
    <col min="10498" max="10498" width="30.125" style="19" customWidth="1"/>
    <col min="10499" max="10499" width="8.875" style="19" bestFit="1" customWidth="1"/>
    <col min="10500" max="10504" width="10.75" style="19" customWidth="1"/>
    <col min="10505" max="10752" width="9" style="19"/>
    <col min="10753" max="10753" width="5.875" style="19" customWidth="1"/>
    <col min="10754" max="10754" width="30.125" style="19" customWidth="1"/>
    <col min="10755" max="10755" width="8.875" style="19" bestFit="1" customWidth="1"/>
    <col min="10756" max="10760" width="10.75" style="19" customWidth="1"/>
    <col min="10761" max="11008" width="9" style="19"/>
    <col min="11009" max="11009" width="5.875" style="19" customWidth="1"/>
    <col min="11010" max="11010" width="30.125" style="19" customWidth="1"/>
    <col min="11011" max="11011" width="8.875" style="19" bestFit="1" customWidth="1"/>
    <col min="11012" max="11016" width="10.75" style="19" customWidth="1"/>
    <col min="11017" max="11264" width="9" style="19"/>
    <col min="11265" max="11265" width="5.875" style="19" customWidth="1"/>
    <col min="11266" max="11266" width="30.125" style="19" customWidth="1"/>
    <col min="11267" max="11267" width="8.875" style="19" bestFit="1" customWidth="1"/>
    <col min="11268" max="11272" width="10.75" style="19" customWidth="1"/>
    <col min="11273" max="11520" width="9" style="19"/>
    <col min="11521" max="11521" width="5.875" style="19" customWidth="1"/>
    <col min="11522" max="11522" width="30.125" style="19" customWidth="1"/>
    <col min="11523" max="11523" width="8.875" style="19" bestFit="1" customWidth="1"/>
    <col min="11524" max="11528" width="10.75" style="19" customWidth="1"/>
    <col min="11529" max="11776" width="9" style="19"/>
    <col min="11777" max="11777" width="5.875" style="19" customWidth="1"/>
    <col min="11778" max="11778" width="30.125" style="19" customWidth="1"/>
    <col min="11779" max="11779" width="8.875" style="19" bestFit="1" customWidth="1"/>
    <col min="11780" max="11784" width="10.75" style="19" customWidth="1"/>
    <col min="11785" max="12032" width="9" style="19"/>
    <col min="12033" max="12033" width="5.875" style="19" customWidth="1"/>
    <col min="12034" max="12034" width="30.125" style="19" customWidth="1"/>
    <col min="12035" max="12035" width="8.875" style="19" bestFit="1" customWidth="1"/>
    <col min="12036" max="12040" width="10.75" style="19" customWidth="1"/>
    <col min="12041" max="12288" width="9" style="19"/>
    <col min="12289" max="12289" width="5.875" style="19" customWidth="1"/>
    <col min="12290" max="12290" width="30.125" style="19" customWidth="1"/>
    <col min="12291" max="12291" width="8.875" style="19" bestFit="1" customWidth="1"/>
    <col min="12292" max="12296" width="10.75" style="19" customWidth="1"/>
    <col min="12297" max="12544" width="9" style="19"/>
    <col min="12545" max="12545" width="5.875" style="19" customWidth="1"/>
    <col min="12546" max="12546" width="30.125" style="19" customWidth="1"/>
    <col min="12547" max="12547" width="8.875" style="19" bestFit="1" customWidth="1"/>
    <col min="12548" max="12552" width="10.75" style="19" customWidth="1"/>
    <col min="12553" max="12800" width="9" style="19"/>
    <col min="12801" max="12801" width="5.875" style="19" customWidth="1"/>
    <col min="12802" max="12802" width="30.125" style="19" customWidth="1"/>
    <col min="12803" max="12803" width="8.875" style="19" bestFit="1" customWidth="1"/>
    <col min="12804" max="12808" width="10.75" style="19" customWidth="1"/>
    <col min="12809" max="13056" width="9" style="19"/>
    <col min="13057" max="13057" width="5.875" style="19" customWidth="1"/>
    <col min="13058" max="13058" width="30.125" style="19" customWidth="1"/>
    <col min="13059" max="13059" width="8.875" style="19" bestFit="1" customWidth="1"/>
    <col min="13060" max="13064" width="10.75" style="19" customWidth="1"/>
    <col min="13065" max="13312" width="9" style="19"/>
    <col min="13313" max="13313" width="5.875" style="19" customWidth="1"/>
    <col min="13314" max="13314" width="30.125" style="19" customWidth="1"/>
    <col min="13315" max="13315" width="8.875" style="19" bestFit="1" customWidth="1"/>
    <col min="13316" max="13320" width="10.75" style="19" customWidth="1"/>
    <col min="13321" max="13568" width="9" style="19"/>
    <col min="13569" max="13569" width="5.875" style="19" customWidth="1"/>
    <col min="13570" max="13570" width="30.125" style="19" customWidth="1"/>
    <col min="13571" max="13571" width="8.875" style="19" bestFit="1" customWidth="1"/>
    <col min="13572" max="13576" width="10.75" style="19" customWidth="1"/>
    <col min="13577" max="13824" width="9" style="19"/>
    <col min="13825" max="13825" width="5.875" style="19" customWidth="1"/>
    <col min="13826" max="13826" width="30.125" style="19" customWidth="1"/>
    <col min="13827" max="13827" width="8.875" style="19" bestFit="1" customWidth="1"/>
    <col min="13828" max="13832" width="10.75" style="19" customWidth="1"/>
    <col min="13833" max="14080" width="9" style="19"/>
    <col min="14081" max="14081" width="5.875" style="19" customWidth="1"/>
    <col min="14082" max="14082" width="30.125" style="19" customWidth="1"/>
    <col min="14083" max="14083" width="8.875" style="19" bestFit="1" customWidth="1"/>
    <col min="14084" max="14088" width="10.75" style="19" customWidth="1"/>
    <col min="14089" max="14336" width="9" style="19"/>
    <col min="14337" max="14337" width="5.875" style="19" customWidth="1"/>
    <col min="14338" max="14338" width="30.125" style="19" customWidth="1"/>
    <col min="14339" max="14339" width="8.875" style="19" bestFit="1" customWidth="1"/>
    <col min="14340" max="14344" width="10.75" style="19" customWidth="1"/>
    <col min="14345" max="14592" width="9" style="19"/>
    <col min="14593" max="14593" width="5.875" style="19" customWidth="1"/>
    <col min="14594" max="14594" width="30.125" style="19" customWidth="1"/>
    <col min="14595" max="14595" width="8.875" style="19" bestFit="1" customWidth="1"/>
    <col min="14596" max="14600" width="10.75" style="19" customWidth="1"/>
    <col min="14601" max="14848" width="9" style="19"/>
    <col min="14849" max="14849" width="5.875" style="19" customWidth="1"/>
    <col min="14850" max="14850" width="30.125" style="19" customWidth="1"/>
    <col min="14851" max="14851" width="8.875" style="19" bestFit="1" customWidth="1"/>
    <col min="14852" max="14856" width="10.75" style="19" customWidth="1"/>
    <col min="14857" max="15104" width="9" style="19"/>
    <col min="15105" max="15105" width="5.875" style="19" customWidth="1"/>
    <col min="15106" max="15106" width="30.125" style="19" customWidth="1"/>
    <col min="15107" max="15107" width="8.875" style="19" bestFit="1" customWidth="1"/>
    <col min="15108" max="15112" width="10.75" style="19" customWidth="1"/>
    <col min="15113" max="15360" width="9" style="19"/>
    <col min="15361" max="15361" width="5.875" style="19" customWidth="1"/>
    <col min="15362" max="15362" width="30.125" style="19" customWidth="1"/>
    <col min="15363" max="15363" width="8.875" style="19" bestFit="1" customWidth="1"/>
    <col min="15364" max="15368" width="10.75" style="19" customWidth="1"/>
    <col min="15369" max="15616" width="9" style="19"/>
    <col min="15617" max="15617" width="5.875" style="19" customWidth="1"/>
    <col min="15618" max="15618" width="30.125" style="19" customWidth="1"/>
    <col min="15619" max="15619" width="8.875" style="19" bestFit="1" customWidth="1"/>
    <col min="15620" max="15624" width="10.75" style="19" customWidth="1"/>
    <col min="15625" max="15872" width="9" style="19"/>
    <col min="15873" max="15873" width="5.875" style="19" customWidth="1"/>
    <col min="15874" max="15874" width="30.125" style="19" customWidth="1"/>
    <col min="15875" max="15875" width="8.875" style="19" bestFit="1" customWidth="1"/>
    <col min="15876" max="15880" width="10.75" style="19" customWidth="1"/>
    <col min="15881" max="16128" width="9" style="19"/>
    <col min="16129" max="16129" width="5.875" style="19" customWidth="1"/>
    <col min="16130" max="16130" width="30.125" style="19" customWidth="1"/>
    <col min="16131" max="16131" width="8.875" style="19" bestFit="1" customWidth="1"/>
    <col min="16132" max="16136" width="10.75" style="19" customWidth="1"/>
    <col min="16137" max="16384" width="9" style="19"/>
  </cols>
  <sheetData>
    <row r="1" spans="1:8" ht="20.100000000000001" customHeight="1">
      <c r="A1" s="18" t="s">
        <v>35</v>
      </c>
      <c r="C1" s="18" t="s">
        <v>60</v>
      </c>
      <c r="F1" s="18" t="s">
        <v>36</v>
      </c>
    </row>
    <row r="2" spans="1:8" ht="20.100000000000001" customHeight="1" thickBot="1">
      <c r="A2" s="18"/>
      <c r="C2" s="18"/>
      <c r="F2" s="18" t="s">
        <v>70</v>
      </c>
    </row>
    <row r="3" spans="1:8" ht="33.75" customHeight="1" thickBot="1">
      <c r="A3" s="263" t="s">
        <v>37</v>
      </c>
      <c r="B3" s="264"/>
      <c r="C3" s="20" t="s">
        <v>38</v>
      </c>
      <c r="D3" s="265" t="s">
        <v>39</v>
      </c>
      <c r="E3" s="266"/>
      <c r="F3" s="266"/>
      <c r="G3" s="266"/>
      <c r="H3" s="267"/>
    </row>
    <row r="4" spans="1:8" ht="30.75" customHeight="1">
      <c r="A4" s="268" t="s">
        <v>40</v>
      </c>
      <c r="B4" s="21" t="s">
        <v>62</v>
      </c>
      <c r="C4" s="22"/>
      <c r="D4" s="23"/>
      <c r="E4" s="24"/>
      <c r="F4" s="24"/>
      <c r="G4" s="24"/>
      <c r="H4" s="25"/>
    </row>
    <row r="5" spans="1:8" ht="30.75" customHeight="1">
      <c r="A5" s="269"/>
      <c r="B5" s="26" t="s">
        <v>63</v>
      </c>
      <c r="C5" s="27"/>
      <c r="D5" s="28"/>
      <c r="E5" s="29"/>
      <c r="F5" s="29"/>
      <c r="G5" s="29"/>
      <c r="H5" s="30"/>
    </row>
    <row r="6" spans="1:8" ht="30.75" customHeight="1">
      <c r="A6" s="269"/>
      <c r="B6" s="26" t="s">
        <v>41</v>
      </c>
      <c r="C6" s="27"/>
      <c r="D6" s="28"/>
      <c r="E6" s="29"/>
      <c r="F6" s="29"/>
      <c r="G6" s="29"/>
      <c r="H6" s="30"/>
    </row>
    <row r="7" spans="1:8" ht="30.75" customHeight="1" thickBot="1">
      <c r="A7" s="270"/>
      <c r="B7" s="31" t="s">
        <v>64</v>
      </c>
      <c r="C7" s="32"/>
      <c r="D7" s="33"/>
      <c r="E7" s="34"/>
      <c r="F7" s="34"/>
      <c r="G7" s="34"/>
      <c r="H7" s="35"/>
    </row>
    <row r="8" spans="1:8" ht="30" customHeight="1">
      <c r="A8" s="260" t="s">
        <v>42</v>
      </c>
      <c r="B8" s="21" t="s">
        <v>43</v>
      </c>
      <c r="C8" s="22"/>
      <c r="D8" s="36"/>
      <c r="E8" s="37"/>
      <c r="F8" s="37"/>
      <c r="G8" s="37"/>
      <c r="H8" s="38"/>
    </row>
    <row r="9" spans="1:8" ht="30" customHeight="1">
      <c r="A9" s="261"/>
      <c r="B9" s="26" t="s">
        <v>44</v>
      </c>
      <c r="C9" s="27"/>
      <c r="D9" s="28"/>
      <c r="E9" s="29"/>
      <c r="F9" s="29"/>
      <c r="G9" s="29"/>
      <c r="H9" s="30"/>
    </row>
    <row r="10" spans="1:8" ht="30" customHeight="1">
      <c r="A10" s="261"/>
      <c r="B10" s="26" t="s">
        <v>45</v>
      </c>
      <c r="C10" s="27"/>
      <c r="D10" s="28"/>
      <c r="E10" s="29"/>
      <c r="F10" s="29"/>
      <c r="G10" s="29"/>
      <c r="H10" s="30"/>
    </row>
    <row r="11" spans="1:8" ht="30" customHeight="1">
      <c r="A11" s="261"/>
      <c r="B11" s="26" t="s">
        <v>46</v>
      </c>
      <c r="C11" s="39"/>
      <c r="D11" s="40"/>
      <c r="E11" s="41"/>
      <c r="F11" s="41"/>
      <c r="G11" s="41"/>
      <c r="H11" s="42"/>
    </row>
    <row r="12" spans="1:8" ht="30" customHeight="1">
      <c r="A12" s="261"/>
      <c r="B12" s="26" t="s">
        <v>47</v>
      </c>
      <c r="C12" s="27"/>
      <c r="D12" s="28"/>
      <c r="E12" s="29"/>
      <c r="F12" s="29"/>
      <c r="G12" s="29"/>
      <c r="H12" s="30"/>
    </row>
    <row r="13" spans="1:8" ht="30" customHeight="1">
      <c r="A13" s="261"/>
      <c r="B13" s="26" t="s">
        <v>66</v>
      </c>
      <c r="C13" s="27"/>
      <c r="D13" s="28"/>
      <c r="E13" s="29"/>
      <c r="F13" s="29"/>
      <c r="G13" s="29"/>
      <c r="H13" s="30"/>
    </row>
    <row r="14" spans="1:8" ht="30" customHeight="1">
      <c r="A14" s="261"/>
      <c r="B14" s="26" t="s">
        <v>48</v>
      </c>
      <c r="C14" s="27"/>
      <c r="D14" s="28"/>
      <c r="E14" s="29"/>
      <c r="F14" s="29"/>
      <c r="G14" s="29"/>
      <c r="H14" s="30"/>
    </row>
    <row r="15" spans="1:8" ht="30" customHeight="1">
      <c r="A15" s="261"/>
      <c r="B15" s="26" t="s">
        <v>49</v>
      </c>
      <c r="C15" s="27"/>
      <c r="D15" s="28"/>
      <c r="E15" s="29"/>
      <c r="F15" s="29"/>
      <c r="G15" s="29"/>
      <c r="H15" s="30"/>
    </row>
    <row r="16" spans="1:8" ht="30" customHeight="1">
      <c r="A16" s="261"/>
      <c r="B16" s="26" t="s">
        <v>67</v>
      </c>
      <c r="C16" s="27"/>
      <c r="D16" s="28"/>
      <c r="E16" s="29"/>
      <c r="F16" s="29"/>
      <c r="G16" s="29"/>
      <c r="H16" s="30"/>
    </row>
    <row r="17" spans="1:8" ht="30" customHeight="1" thickBot="1">
      <c r="A17" s="262"/>
      <c r="B17" s="43" t="s">
        <v>50</v>
      </c>
      <c r="C17" s="32"/>
      <c r="D17" s="33"/>
      <c r="E17" s="34"/>
      <c r="F17" s="34"/>
      <c r="G17" s="34"/>
      <c r="H17" s="35"/>
    </row>
    <row r="18" spans="1:8" ht="30" customHeight="1">
      <c r="A18" s="260" t="s">
        <v>51</v>
      </c>
      <c r="B18" s="21" t="s">
        <v>68</v>
      </c>
      <c r="C18" s="22"/>
      <c r="D18" s="36"/>
      <c r="E18" s="37"/>
      <c r="F18" s="37"/>
      <c r="G18" s="37"/>
      <c r="H18" s="38"/>
    </row>
    <row r="19" spans="1:8" ht="30" customHeight="1" thickBot="1">
      <c r="A19" s="261"/>
      <c r="B19" s="44" t="s">
        <v>69</v>
      </c>
      <c r="C19" s="39"/>
      <c r="D19" s="40"/>
      <c r="E19" s="41"/>
      <c r="F19" s="41"/>
      <c r="G19" s="41"/>
      <c r="H19" s="42"/>
    </row>
    <row r="20" spans="1:8" ht="30" customHeight="1">
      <c r="A20" s="260" t="s">
        <v>52</v>
      </c>
      <c r="B20" s="21" t="s">
        <v>53</v>
      </c>
      <c r="C20" s="22"/>
      <c r="D20" s="23"/>
      <c r="E20" s="24"/>
      <c r="F20" s="24"/>
      <c r="G20" s="24"/>
      <c r="H20" s="25"/>
    </row>
    <row r="21" spans="1:8" ht="30" customHeight="1" thickBot="1">
      <c r="A21" s="262"/>
      <c r="B21" s="43" t="s">
        <v>54</v>
      </c>
      <c r="C21" s="32"/>
      <c r="D21" s="33"/>
      <c r="E21" s="34"/>
      <c r="F21" s="34"/>
      <c r="G21" s="34"/>
      <c r="H21" s="35"/>
    </row>
    <row r="22" spans="1:8" ht="30" customHeight="1">
      <c r="A22" s="260" t="s">
        <v>55</v>
      </c>
      <c r="B22" s="45" t="s">
        <v>56</v>
      </c>
      <c r="C22" s="46"/>
      <c r="D22" s="36"/>
      <c r="E22" s="37"/>
      <c r="F22" s="37"/>
      <c r="G22" s="37"/>
      <c r="H22" s="38"/>
    </row>
    <row r="23" spans="1:8" ht="30" customHeight="1">
      <c r="A23" s="261"/>
      <c r="B23" s="26" t="s">
        <v>57</v>
      </c>
      <c r="C23" s="27"/>
      <c r="D23" s="28"/>
      <c r="E23" s="29"/>
      <c r="F23" s="29"/>
      <c r="G23" s="29"/>
      <c r="H23" s="30"/>
    </row>
    <row r="24" spans="1:8" ht="30" customHeight="1" thickBot="1">
      <c r="A24" s="262"/>
      <c r="B24" s="47" t="s">
        <v>58</v>
      </c>
      <c r="C24" s="32"/>
      <c r="D24" s="48"/>
      <c r="E24" s="34"/>
      <c r="F24" s="34"/>
      <c r="G24" s="34"/>
      <c r="H24" s="35"/>
    </row>
    <row r="25" spans="1:8" ht="9" customHeight="1">
      <c r="A25" s="37"/>
      <c r="B25" s="37"/>
      <c r="C25" s="37"/>
    </row>
    <row r="26" spans="1:8" ht="24.95" customHeight="1">
      <c r="A26" s="18" t="s">
        <v>59</v>
      </c>
      <c r="B26" s="49"/>
      <c r="C26" s="49"/>
      <c r="D26" s="49"/>
      <c r="E26" s="49"/>
      <c r="F26" s="49"/>
      <c r="G26" s="49"/>
      <c r="H26" s="49"/>
    </row>
    <row r="27" spans="1:8" ht="24.95" customHeight="1">
      <c r="A27" s="50"/>
      <c r="B27" s="50"/>
      <c r="C27" s="50"/>
      <c r="D27" s="50"/>
      <c r="E27" s="50"/>
      <c r="F27" s="50"/>
      <c r="G27" s="50"/>
      <c r="H27" s="50"/>
    </row>
    <row r="28" spans="1:8" ht="24.95" customHeight="1">
      <c r="A28" s="50"/>
      <c r="B28" s="50"/>
      <c r="C28" s="50"/>
      <c r="D28" s="50"/>
      <c r="E28" s="50"/>
      <c r="F28" s="50"/>
      <c r="G28" s="50"/>
      <c r="H28" s="50"/>
    </row>
    <row r="29" spans="1:8" ht="24.95" customHeight="1">
      <c r="A29" s="50"/>
      <c r="B29" s="50"/>
      <c r="C29" s="50"/>
      <c r="D29" s="50"/>
      <c r="E29" s="50"/>
      <c r="F29" s="50"/>
      <c r="G29" s="50"/>
      <c r="H29" s="50"/>
    </row>
    <row r="30" spans="1:8" ht="24.95" customHeight="1">
      <c r="A30" s="50"/>
      <c r="B30" s="50"/>
      <c r="C30" s="50"/>
      <c r="D30" s="50"/>
      <c r="E30" s="50"/>
      <c r="F30" s="50"/>
      <c r="G30" s="50"/>
      <c r="H30" s="50"/>
    </row>
    <row r="31" spans="1:8" ht="20.100000000000001" customHeight="1"/>
    <row r="32" spans="1:8" ht="20.100000000000001" customHeight="1"/>
    <row r="33" ht="20.100000000000001" customHeight="1"/>
    <row r="34" ht="20.100000000000001" customHeight="1"/>
    <row r="35" ht="20.100000000000001" customHeight="1"/>
    <row r="36" ht="20.100000000000001" customHeight="1"/>
    <row r="37" ht="20.100000000000001" customHeight="1"/>
  </sheetData>
  <mergeCells count="7">
    <mergeCell ref="A22:A24"/>
    <mergeCell ref="A3:B3"/>
    <mergeCell ref="D3:H3"/>
    <mergeCell ref="A4:A7"/>
    <mergeCell ref="A8:A17"/>
    <mergeCell ref="A18:A19"/>
    <mergeCell ref="A20:A21"/>
  </mergeCells>
  <phoneticPr fontId="2"/>
  <printOptions horizontalCentered="1" verticalCentered="1"/>
  <pageMargins left="0.51181102362204722" right="0.11811023622047245" top="0.55118110236220474" bottom="0.55118110236220474" header="0.31496062992125984" footer="0.31496062992125984"/>
  <pageSetup paperSize="9" scale="97" orientation="portrait" r:id="rId1"/>
  <headerFooter>
    <oddHeader>&amp;L化学物質管理責任者用
（様式３）&amp;C&amp;"-,太字"&amp;22化学物質点検表</oddHeader>
    <oddFooter xml:space="preserve">&amp;R
</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R54"/>
  <sheetViews>
    <sheetView view="pageBreakPreview" zoomScaleNormal="100" zoomScaleSheetLayoutView="100" workbookViewId="0">
      <selection activeCell="S12" sqref="S12"/>
    </sheetView>
  </sheetViews>
  <sheetFormatPr defaultRowHeight="13.5"/>
  <cols>
    <col min="1" max="1" width="2.875" style="53" customWidth="1"/>
    <col min="2" max="2" width="5.5" style="53" customWidth="1"/>
    <col min="3" max="3" width="5.375" style="53" customWidth="1"/>
    <col min="4" max="4" width="3.625" style="53" customWidth="1"/>
    <col min="5" max="5" width="6.625" style="53" customWidth="1"/>
    <col min="6" max="6" width="3" style="53" customWidth="1"/>
    <col min="7" max="7" width="10.625" style="53" customWidth="1"/>
    <col min="8" max="8" width="15.625" style="53" customWidth="1"/>
    <col min="9" max="9" width="2.125" style="53" customWidth="1"/>
    <col min="10" max="10" width="9.375" style="53" customWidth="1"/>
    <col min="11" max="11" width="2.625" style="53" customWidth="1"/>
    <col min="12" max="12" width="2.125" style="53" customWidth="1"/>
    <col min="13" max="13" width="9.375" style="53" customWidth="1"/>
    <col min="14" max="14" width="2.375" style="53" customWidth="1"/>
    <col min="15" max="16" width="8.625" style="53" customWidth="1"/>
    <col min="17" max="16384" width="9" style="53"/>
  </cols>
  <sheetData>
    <row r="1" spans="1:16" ht="28.5">
      <c r="A1" s="319" t="s">
        <v>94</v>
      </c>
      <c r="B1" s="319"/>
      <c r="C1" s="319"/>
      <c r="D1" s="319"/>
      <c r="E1" s="319"/>
      <c r="F1" s="319"/>
      <c r="G1" s="319"/>
      <c r="H1" s="319"/>
      <c r="I1" s="319"/>
      <c r="J1" s="319"/>
      <c r="K1" s="319"/>
      <c r="L1" s="319"/>
      <c r="M1" s="319"/>
      <c r="N1" s="319"/>
      <c r="O1" s="319"/>
      <c r="P1" s="319"/>
    </row>
    <row r="2" spans="1:16" ht="9" customHeight="1" thickBot="1">
      <c r="A2" s="155"/>
      <c r="B2" s="155"/>
      <c r="C2" s="155"/>
      <c r="D2" s="155"/>
      <c r="E2" s="155"/>
      <c r="F2" s="155"/>
      <c r="G2" s="155"/>
      <c r="H2" s="155"/>
      <c r="I2" s="155"/>
      <c r="J2" s="155"/>
      <c r="K2" s="155"/>
      <c r="L2" s="155"/>
      <c r="M2" s="155"/>
      <c r="N2" s="155"/>
      <c r="O2" s="155"/>
      <c r="P2" s="155"/>
    </row>
    <row r="3" spans="1:16" ht="15" customHeight="1" thickTop="1">
      <c r="A3" s="271" t="s">
        <v>7</v>
      </c>
      <c r="B3" s="361"/>
      <c r="C3" s="361"/>
      <c r="D3" s="361"/>
      <c r="E3" s="361"/>
      <c r="F3" s="361"/>
      <c r="G3" s="361"/>
      <c r="H3" s="362"/>
      <c r="I3" s="320" t="s">
        <v>78</v>
      </c>
      <c r="J3" s="321"/>
      <c r="K3" s="321"/>
      <c r="L3" s="322" t="s">
        <v>79</v>
      </c>
      <c r="M3" s="323"/>
      <c r="N3" s="324" t="s">
        <v>8</v>
      </c>
      <c r="O3" s="325"/>
      <c r="P3" s="326"/>
    </row>
    <row r="4" spans="1:16" ht="21" customHeight="1">
      <c r="A4" s="272"/>
      <c r="B4" s="363"/>
      <c r="C4" s="363"/>
      <c r="D4" s="363"/>
      <c r="E4" s="363"/>
      <c r="F4" s="363"/>
      <c r="G4" s="363"/>
      <c r="H4" s="364"/>
      <c r="I4" s="327"/>
      <c r="J4" s="328"/>
      <c r="K4" s="328"/>
      <c r="L4" s="329"/>
      <c r="M4" s="330"/>
      <c r="N4" s="203"/>
      <c r="O4" s="204"/>
      <c r="P4" s="331"/>
    </row>
    <row r="5" spans="1:16" ht="27" customHeight="1">
      <c r="A5" s="273" t="s">
        <v>157</v>
      </c>
      <c r="B5" s="274"/>
      <c r="C5" s="156"/>
      <c r="D5" s="157" t="s">
        <v>152</v>
      </c>
      <c r="E5" s="281"/>
      <c r="F5" s="282"/>
      <c r="G5" s="86" t="s">
        <v>116</v>
      </c>
      <c r="H5" s="158"/>
      <c r="I5" s="338" t="s">
        <v>187</v>
      </c>
      <c r="J5" s="339"/>
      <c r="K5" s="339"/>
      <c r="L5" s="339"/>
      <c r="M5" s="339"/>
      <c r="N5" s="339"/>
      <c r="O5" s="339"/>
      <c r="P5" s="340"/>
    </row>
    <row r="6" spans="1:16" ht="24.95" customHeight="1">
      <c r="A6" s="341" t="s">
        <v>98</v>
      </c>
      <c r="B6" s="342"/>
      <c r="C6" s="276"/>
      <c r="D6" s="275" t="s">
        <v>154</v>
      </c>
      <c r="E6" s="342"/>
      <c r="F6" s="276"/>
      <c r="G6" s="275" t="s">
        <v>9</v>
      </c>
      <c r="H6" s="276"/>
      <c r="I6" s="54"/>
      <c r="J6" s="153" t="s">
        <v>155</v>
      </c>
      <c r="K6" s="55"/>
      <c r="L6" s="54"/>
      <c r="M6" s="56" t="s">
        <v>156</v>
      </c>
      <c r="N6" s="55"/>
      <c r="O6" s="351" t="s">
        <v>10</v>
      </c>
      <c r="P6" s="354" t="s">
        <v>11</v>
      </c>
    </row>
    <row r="7" spans="1:16" ht="9.9499999999999993" customHeight="1">
      <c r="A7" s="343"/>
      <c r="B7" s="344"/>
      <c r="C7" s="345"/>
      <c r="D7" s="349"/>
      <c r="E7" s="344"/>
      <c r="F7" s="345"/>
      <c r="G7" s="277" t="s">
        <v>77</v>
      </c>
      <c r="H7" s="278"/>
      <c r="I7" s="57" t="s">
        <v>73</v>
      </c>
      <c r="J7" s="154" t="s">
        <v>86</v>
      </c>
      <c r="K7" s="58"/>
      <c r="L7" s="57" t="s">
        <v>73</v>
      </c>
      <c r="M7" s="357" t="s">
        <v>92</v>
      </c>
      <c r="N7" s="358"/>
      <c r="O7" s="352"/>
      <c r="P7" s="355"/>
    </row>
    <row r="8" spans="1:16" ht="9.9499999999999993" customHeight="1">
      <c r="A8" s="343"/>
      <c r="B8" s="344"/>
      <c r="C8" s="345"/>
      <c r="D8" s="349"/>
      <c r="E8" s="344"/>
      <c r="F8" s="345"/>
      <c r="G8" s="277"/>
      <c r="H8" s="278"/>
      <c r="I8" s="59" t="s">
        <v>87</v>
      </c>
      <c r="J8" s="359" t="s">
        <v>88</v>
      </c>
      <c r="K8" s="360"/>
      <c r="L8" s="59" t="s">
        <v>87</v>
      </c>
      <c r="M8" s="359" t="s">
        <v>91</v>
      </c>
      <c r="N8" s="360"/>
      <c r="O8" s="352"/>
      <c r="P8" s="355"/>
    </row>
    <row r="9" spans="1:16" ht="9.9499999999999993" customHeight="1">
      <c r="A9" s="346"/>
      <c r="B9" s="347"/>
      <c r="C9" s="348"/>
      <c r="D9" s="350"/>
      <c r="E9" s="347"/>
      <c r="F9" s="348"/>
      <c r="G9" s="279"/>
      <c r="H9" s="280"/>
      <c r="I9" s="60" t="s">
        <v>89</v>
      </c>
      <c r="J9" s="332" t="s">
        <v>90</v>
      </c>
      <c r="K9" s="333"/>
      <c r="L9" s="61"/>
      <c r="M9" s="62"/>
      <c r="N9" s="63"/>
      <c r="O9" s="353"/>
      <c r="P9" s="356"/>
    </row>
    <row r="10" spans="1:16" ht="24.95" customHeight="1">
      <c r="A10" s="283"/>
      <c r="B10" s="284"/>
      <c r="C10" s="285"/>
      <c r="D10" s="289"/>
      <c r="E10" s="290"/>
      <c r="F10" s="293" t="s">
        <v>153</v>
      </c>
      <c r="G10" s="303"/>
      <c r="H10" s="304"/>
      <c r="I10" s="64"/>
      <c r="J10" s="65"/>
      <c r="K10" s="66" t="s">
        <v>153</v>
      </c>
      <c r="L10" s="64"/>
      <c r="M10" s="65"/>
      <c r="N10" s="66" t="s">
        <v>153</v>
      </c>
      <c r="O10" s="334"/>
      <c r="P10" s="336"/>
    </row>
    <row r="11" spans="1:16" ht="15" customHeight="1">
      <c r="A11" s="286"/>
      <c r="B11" s="287"/>
      <c r="C11" s="288"/>
      <c r="D11" s="291"/>
      <c r="E11" s="292"/>
      <c r="F11" s="294"/>
      <c r="G11" s="303"/>
      <c r="H11" s="304"/>
      <c r="I11" s="297"/>
      <c r="J11" s="298"/>
      <c r="K11" s="299"/>
      <c r="L11" s="300"/>
      <c r="M11" s="301"/>
      <c r="N11" s="302"/>
      <c r="O11" s="335"/>
      <c r="P11" s="337"/>
    </row>
    <row r="12" spans="1:16" ht="24.95" customHeight="1">
      <c r="A12" s="283"/>
      <c r="B12" s="284"/>
      <c r="C12" s="285"/>
      <c r="D12" s="289"/>
      <c r="E12" s="290"/>
      <c r="F12" s="293" t="s">
        <v>153</v>
      </c>
      <c r="G12" s="303"/>
      <c r="H12" s="304"/>
      <c r="I12" s="64"/>
      <c r="J12" s="65"/>
      <c r="K12" s="66" t="s">
        <v>153</v>
      </c>
      <c r="L12" s="64"/>
      <c r="M12" s="65"/>
      <c r="N12" s="66" t="s">
        <v>153</v>
      </c>
      <c r="O12" s="295"/>
      <c r="P12" s="316"/>
    </row>
    <row r="13" spans="1:16" ht="15" customHeight="1">
      <c r="A13" s="286"/>
      <c r="B13" s="287"/>
      <c r="C13" s="288"/>
      <c r="D13" s="291"/>
      <c r="E13" s="292"/>
      <c r="F13" s="294"/>
      <c r="G13" s="303"/>
      <c r="H13" s="304"/>
      <c r="I13" s="297"/>
      <c r="J13" s="298"/>
      <c r="K13" s="299"/>
      <c r="L13" s="300"/>
      <c r="M13" s="301"/>
      <c r="N13" s="302"/>
      <c r="O13" s="305"/>
      <c r="P13" s="318"/>
    </row>
    <row r="14" spans="1:16" ht="24.95" customHeight="1">
      <c r="A14" s="283"/>
      <c r="B14" s="284"/>
      <c r="C14" s="285"/>
      <c r="D14" s="289"/>
      <c r="E14" s="290"/>
      <c r="F14" s="293" t="s">
        <v>153</v>
      </c>
      <c r="G14" s="303"/>
      <c r="H14" s="304"/>
      <c r="I14" s="64"/>
      <c r="J14" s="65"/>
      <c r="K14" s="66" t="s">
        <v>153</v>
      </c>
      <c r="L14" s="64"/>
      <c r="M14" s="65"/>
      <c r="N14" s="66" t="s">
        <v>153</v>
      </c>
      <c r="O14" s="295"/>
      <c r="P14" s="316"/>
    </row>
    <row r="15" spans="1:16" ht="15" customHeight="1">
      <c r="A15" s="286"/>
      <c r="B15" s="287"/>
      <c r="C15" s="288"/>
      <c r="D15" s="291"/>
      <c r="E15" s="292"/>
      <c r="F15" s="294"/>
      <c r="G15" s="303"/>
      <c r="H15" s="304"/>
      <c r="I15" s="297"/>
      <c r="J15" s="298"/>
      <c r="K15" s="299"/>
      <c r="L15" s="300"/>
      <c r="M15" s="301"/>
      <c r="N15" s="302"/>
      <c r="O15" s="305"/>
      <c r="P15" s="318"/>
    </row>
    <row r="16" spans="1:16" ht="24.95" customHeight="1">
      <c r="A16" s="283"/>
      <c r="B16" s="284"/>
      <c r="C16" s="285"/>
      <c r="D16" s="289"/>
      <c r="E16" s="290"/>
      <c r="F16" s="293" t="s">
        <v>153</v>
      </c>
      <c r="G16" s="303"/>
      <c r="H16" s="304"/>
      <c r="I16" s="64"/>
      <c r="J16" s="65"/>
      <c r="K16" s="66" t="s">
        <v>153</v>
      </c>
      <c r="L16" s="64"/>
      <c r="M16" s="65"/>
      <c r="N16" s="66" t="s">
        <v>153</v>
      </c>
      <c r="O16" s="295"/>
      <c r="P16" s="316"/>
    </row>
    <row r="17" spans="1:18" ht="15" customHeight="1">
      <c r="A17" s="286"/>
      <c r="B17" s="287"/>
      <c r="C17" s="288"/>
      <c r="D17" s="291"/>
      <c r="E17" s="292"/>
      <c r="F17" s="294"/>
      <c r="G17" s="303"/>
      <c r="H17" s="304"/>
      <c r="I17" s="297"/>
      <c r="J17" s="298"/>
      <c r="K17" s="299"/>
      <c r="L17" s="300"/>
      <c r="M17" s="301"/>
      <c r="N17" s="302"/>
      <c r="O17" s="305"/>
      <c r="P17" s="318"/>
    </row>
    <row r="18" spans="1:18" ht="24.95" customHeight="1">
      <c r="A18" s="283"/>
      <c r="B18" s="284"/>
      <c r="C18" s="285"/>
      <c r="D18" s="289"/>
      <c r="E18" s="290"/>
      <c r="F18" s="293" t="s">
        <v>153</v>
      </c>
      <c r="G18" s="303"/>
      <c r="H18" s="304"/>
      <c r="I18" s="64"/>
      <c r="J18" s="65"/>
      <c r="K18" s="66" t="s">
        <v>153</v>
      </c>
      <c r="L18" s="64"/>
      <c r="M18" s="65"/>
      <c r="N18" s="66" t="s">
        <v>153</v>
      </c>
      <c r="O18" s="295"/>
      <c r="P18" s="316"/>
      <c r="R18" s="53" t="s">
        <v>0</v>
      </c>
    </row>
    <row r="19" spans="1:18" ht="15" customHeight="1">
      <c r="A19" s="286"/>
      <c r="B19" s="287"/>
      <c r="C19" s="288"/>
      <c r="D19" s="291"/>
      <c r="E19" s="292"/>
      <c r="F19" s="294"/>
      <c r="G19" s="303"/>
      <c r="H19" s="304"/>
      <c r="I19" s="297"/>
      <c r="J19" s="298"/>
      <c r="K19" s="299"/>
      <c r="L19" s="300"/>
      <c r="M19" s="301"/>
      <c r="N19" s="302"/>
      <c r="O19" s="305"/>
      <c r="P19" s="318"/>
    </row>
    <row r="20" spans="1:18" ht="24.95" customHeight="1">
      <c r="A20" s="283"/>
      <c r="B20" s="284"/>
      <c r="C20" s="285"/>
      <c r="D20" s="289"/>
      <c r="E20" s="290"/>
      <c r="F20" s="293" t="s">
        <v>153</v>
      </c>
      <c r="G20" s="303"/>
      <c r="H20" s="304"/>
      <c r="I20" s="64"/>
      <c r="J20" s="65"/>
      <c r="K20" s="159" t="s">
        <v>153</v>
      </c>
      <c r="L20" s="64"/>
      <c r="M20" s="65"/>
      <c r="N20" s="66" t="s">
        <v>153</v>
      </c>
      <c r="O20" s="295"/>
      <c r="P20" s="316"/>
    </row>
    <row r="21" spans="1:18" ht="15" customHeight="1">
      <c r="A21" s="286"/>
      <c r="B21" s="287"/>
      <c r="C21" s="288"/>
      <c r="D21" s="291"/>
      <c r="E21" s="292"/>
      <c r="F21" s="294"/>
      <c r="G21" s="303"/>
      <c r="H21" s="304"/>
      <c r="I21" s="297"/>
      <c r="J21" s="298"/>
      <c r="K21" s="299"/>
      <c r="L21" s="300"/>
      <c r="M21" s="301"/>
      <c r="N21" s="302"/>
      <c r="O21" s="305"/>
      <c r="P21" s="318"/>
    </row>
    <row r="22" spans="1:18" ht="24.95" customHeight="1">
      <c r="A22" s="283"/>
      <c r="B22" s="284"/>
      <c r="C22" s="285"/>
      <c r="D22" s="289"/>
      <c r="E22" s="290"/>
      <c r="F22" s="293" t="s">
        <v>153</v>
      </c>
      <c r="G22" s="303"/>
      <c r="H22" s="304"/>
      <c r="I22" s="64"/>
      <c r="J22" s="65"/>
      <c r="K22" s="159" t="s">
        <v>153</v>
      </c>
      <c r="L22" s="64"/>
      <c r="M22" s="65"/>
      <c r="N22" s="159" t="s">
        <v>153</v>
      </c>
      <c r="O22" s="295"/>
      <c r="P22" s="316"/>
    </row>
    <row r="23" spans="1:18" ht="15" customHeight="1">
      <c r="A23" s="286"/>
      <c r="B23" s="287"/>
      <c r="C23" s="288"/>
      <c r="D23" s="291"/>
      <c r="E23" s="292"/>
      <c r="F23" s="294"/>
      <c r="G23" s="303"/>
      <c r="H23" s="304"/>
      <c r="I23" s="297"/>
      <c r="J23" s="298"/>
      <c r="K23" s="299"/>
      <c r="L23" s="300"/>
      <c r="M23" s="301"/>
      <c r="N23" s="302"/>
      <c r="O23" s="305"/>
      <c r="P23" s="318"/>
    </row>
    <row r="24" spans="1:18" ht="24.95" customHeight="1">
      <c r="A24" s="283"/>
      <c r="B24" s="284"/>
      <c r="C24" s="285"/>
      <c r="D24" s="289"/>
      <c r="E24" s="290"/>
      <c r="F24" s="293" t="s">
        <v>153</v>
      </c>
      <c r="G24" s="303"/>
      <c r="H24" s="304"/>
      <c r="I24" s="64"/>
      <c r="J24" s="65"/>
      <c r="K24" s="159" t="s">
        <v>153</v>
      </c>
      <c r="L24" s="64"/>
      <c r="M24" s="65"/>
      <c r="N24" s="159" t="s">
        <v>153</v>
      </c>
      <c r="O24" s="295"/>
      <c r="P24" s="316"/>
    </row>
    <row r="25" spans="1:18" ht="15" customHeight="1">
      <c r="A25" s="286"/>
      <c r="B25" s="287"/>
      <c r="C25" s="288"/>
      <c r="D25" s="291"/>
      <c r="E25" s="292"/>
      <c r="F25" s="294"/>
      <c r="G25" s="303"/>
      <c r="H25" s="304"/>
      <c r="I25" s="297"/>
      <c r="J25" s="298"/>
      <c r="K25" s="299"/>
      <c r="L25" s="300"/>
      <c r="M25" s="301"/>
      <c r="N25" s="302"/>
      <c r="O25" s="305"/>
      <c r="P25" s="318"/>
    </row>
    <row r="26" spans="1:18" ht="24.95" customHeight="1">
      <c r="A26" s="283"/>
      <c r="B26" s="284"/>
      <c r="C26" s="285"/>
      <c r="D26" s="289"/>
      <c r="E26" s="290"/>
      <c r="F26" s="293" t="s">
        <v>153</v>
      </c>
      <c r="G26" s="303"/>
      <c r="H26" s="304"/>
      <c r="I26" s="64"/>
      <c r="J26" s="65"/>
      <c r="K26" s="159" t="s">
        <v>153</v>
      </c>
      <c r="L26" s="64"/>
      <c r="M26" s="65"/>
      <c r="N26" s="159" t="s">
        <v>153</v>
      </c>
      <c r="O26" s="295"/>
      <c r="P26" s="316"/>
    </row>
    <row r="27" spans="1:18" ht="15" customHeight="1">
      <c r="A27" s="286"/>
      <c r="B27" s="287"/>
      <c r="C27" s="288"/>
      <c r="D27" s="291"/>
      <c r="E27" s="292"/>
      <c r="F27" s="294"/>
      <c r="G27" s="303"/>
      <c r="H27" s="304"/>
      <c r="I27" s="297"/>
      <c r="J27" s="298"/>
      <c r="K27" s="299"/>
      <c r="L27" s="300"/>
      <c r="M27" s="301"/>
      <c r="N27" s="302"/>
      <c r="O27" s="305"/>
      <c r="P27" s="318"/>
    </row>
    <row r="28" spans="1:18" ht="24.95" customHeight="1">
      <c r="A28" s="283"/>
      <c r="B28" s="284"/>
      <c r="C28" s="285"/>
      <c r="D28" s="289"/>
      <c r="E28" s="290"/>
      <c r="F28" s="293" t="s">
        <v>153</v>
      </c>
      <c r="G28" s="303"/>
      <c r="H28" s="304"/>
      <c r="I28" s="64"/>
      <c r="J28" s="65"/>
      <c r="K28" s="159" t="s">
        <v>153</v>
      </c>
      <c r="L28" s="64"/>
      <c r="M28" s="65"/>
      <c r="N28" s="159" t="s">
        <v>153</v>
      </c>
      <c r="O28" s="295"/>
      <c r="P28" s="316"/>
    </row>
    <row r="29" spans="1:18" ht="15" customHeight="1">
      <c r="A29" s="286"/>
      <c r="B29" s="287"/>
      <c r="C29" s="288"/>
      <c r="D29" s="291"/>
      <c r="E29" s="292"/>
      <c r="F29" s="294"/>
      <c r="G29" s="303"/>
      <c r="H29" s="304"/>
      <c r="I29" s="297"/>
      <c r="J29" s="298"/>
      <c r="K29" s="299"/>
      <c r="L29" s="300"/>
      <c r="M29" s="301"/>
      <c r="N29" s="302"/>
      <c r="O29" s="305"/>
      <c r="P29" s="318"/>
    </row>
    <row r="30" spans="1:18" ht="24.95" customHeight="1">
      <c r="A30" s="283"/>
      <c r="B30" s="284"/>
      <c r="C30" s="285"/>
      <c r="D30" s="289"/>
      <c r="E30" s="290"/>
      <c r="F30" s="293" t="s">
        <v>153</v>
      </c>
      <c r="G30" s="303"/>
      <c r="H30" s="304"/>
      <c r="I30" s="64"/>
      <c r="J30" s="65"/>
      <c r="K30" s="159" t="s">
        <v>153</v>
      </c>
      <c r="L30" s="64"/>
      <c r="M30" s="65"/>
      <c r="N30" s="159" t="s">
        <v>153</v>
      </c>
      <c r="O30" s="295"/>
      <c r="P30" s="316"/>
    </row>
    <row r="31" spans="1:18" ht="15" customHeight="1">
      <c r="A31" s="286"/>
      <c r="B31" s="287"/>
      <c r="C31" s="288"/>
      <c r="D31" s="291"/>
      <c r="E31" s="292"/>
      <c r="F31" s="294"/>
      <c r="G31" s="303"/>
      <c r="H31" s="304"/>
      <c r="I31" s="297"/>
      <c r="J31" s="298"/>
      <c r="K31" s="299"/>
      <c r="L31" s="300"/>
      <c r="M31" s="301"/>
      <c r="N31" s="302"/>
      <c r="O31" s="305"/>
      <c r="P31" s="318"/>
    </row>
    <row r="32" spans="1:18" ht="24.95" customHeight="1">
      <c r="A32" s="283"/>
      <c r="B32" s="284"/>
      <c r="C32" s="285"/>
      <c r="D32" s="289"/>
      <c r="E32" s="290"/>
      <c r="F32" s="293" t="s">
        <v>153</v>
      </c>
      <c r="G32" s="303"/>
      <c r="H32" s="304"/>
      <c r="I32" s="64"/>
      <c r="J32" s="65"/>
      <c r="K32" s="159" t="s">
        <v>153</v>
      </c>
      <c r="L32" s="64"/>
      <c r="M32" s="65"/>
      <c r="N32" s="159" t="s">
        <v>153</v>
      </c>
      <c r="O32" s="295"/>
      <c r="P32" s="316"/>
    </row>
    <row r="33" spans="1:16" ht="15" customHeight="1">
      <c r="A33" s="286"/>
      <c r="B33" s="287"/>
      <c r="C33" s="288"/>
      <c r="D33" s="291"/>
      <c r="E33" s="292"/>
      <c r="F33" s="294"/>
      <c r="G33" s="303"/>
      <c r="H33" s="304"/>
      <c r="I33" s="297"/>
      <c r="J33" s="298"/>
      <c r="K33" s="299"/>
      <c r="L33" s="300"/>
      <c r="M33" s="301"/>
      <c r="N33" s="302"/>
      <c r="O33" s="305"/>
      <c r="P33" s="318"/>
    </row>
    <row r="34" spans="1:16" ht="24.95" customHeight="1">
      <c r="A34" s="283"/>
      <c r="B34" s="284"/>
      <c r="C34" s="285"/>
      <c r="D34" s="289"/>
      <c r="E34" s="290"/>
      <c r="F34" s="293" t="s">
        <v>153</v>
      </c>
      <c r="G34" s="303"/>
      <c r="H34" s="304"/>
      <c r="I34" s="64"/>
      <c r="J34" s="65"/>
      <c r="K34" s="159" t="s">
        <v>153</v>
      </c>
      <c r="L34" s="64"/>
      <c r="M34" s="65"/>
      <c r="N34" s="159" t="s">
        <v>153</v>
      </c>
      <c r="O34" s="295"/>
      <c r="P34" s="316"/>
    </row>
    <row r="35" spans="1:16" ht="15" customHeight="1">
      <c r="A35" s="286"/>
      <c r="B35" s="287"/>
      <c r="C35" s="288"/>
      <c r="D35" s="291"/>
      <c r="E35" s="292"/>
      <c r="F35" s="294"/>
      <c r="G35" s="303"/>
      <c r="H35" s="304"/>
      <c r="I35" s="297"/>
      <c r="J35" s="298"/>
      <c r="K35" s="299"/>
      <c r="L35" s="300"/>
      <c r="M35" s="301"/>
      <c r="N35" s="302"/>
      <c r="O35" s="305"/>
      <c r="P35" s="318"/>
    </row>
    <row r="36" spans="1:16" ht="24.95" customHeight="1">
      <c r="A36" s="283"/>
      <c r="B36" s="284"/>
      <c r="C36" s="285"/>
      <c r="D36" s="289"/>
      <c r="E36" s="290"/>
      <c r="F36" s="293" t="s">
        <v>153</v>
      </c>
      <c r="G36" s="303"/>
      <c r="H36" s="304"/>
      <c r="I36" s="64"/>
      <c r="J36" s="65"/>
      <c r="K36" s="159" t="s">
        <v>153</v>
      </c>
      <c r="L36" s="64"/>
      <c r="M36" s="65"/>
      <c r="N36" s="159" t="s">
        <v>153</v>
      </c>
      <c r="O36" s="295"/>
      <c r="P36" s="316"/>
    </row>
    <row r="37" spans="1:16" ht="15" customHeight="1">
      <c r="A37" s="286"/>
      <c r="B37" s="287"/>
      <c r="C37" s="288"/>
      <c r="D37" s="291"/>
      <c r="E37" s="292"/>
      <c r="F37" s="294"/>
      <c r="G37" s="303"/>
      <c r="H37" s="304"/>
      <c r="I37" s="297"/>
      <c r="J37" s="298"/>
      <c r="K37" s="299"/>
      <c r="L37" s="300"/>
      <c r="M37" s="301"/>
      <c r="N37" s="302"/>
      <c r="O37" s="305"/>
      <c r="P37" s="318"/>
    </row>
    <row r="38" spans="1:16" ht="24.95" customHeight="1">
      <c r="A38" s="283"/>
      <c r="B38" s="284"/>
      <c r="C38" s="285"/>
      <c r="D38" s="289"/>
      <c r="E38" s="290"/>
      <c r="F38" s="293" t="s">
        <v>153</v>
      </c>
      <c r="G38" s="303"/>
      <c r="H38" s="304"/>
      <c r="I38" s="64"/>
      <c r="J38" s="65"/>
      <c r="K38" s="159" t="s">
        <v>153</v>
      </c>
      <c r="L38" s="64"/>
      <c r="M38" s="65"/>
      <c r="N38" s="159" t="s">
        <v>153</v>
      </c>
      <c r="O38" s="295"/>
      <c r="P38" s="316"/>
    </row>
    <row r="39" spans="1:16" ht="15" customHeight="1">
      <c r="A39" s="286"/>
      <c r="B39" s="287"/>
      <c r="C39" s="288"/>
      <c r="D39" s="291"/>
      <c r="E39" s="292"/>
      <c r="F39" s="294"/>
      <c r="G39" s="303"/>
      <c r="H39" s="304"/>
      <c r="I39" s="297"/>
      <c r="J39" s="298"/>
      <c r="K39" s="299"/>
      <c r="L39" s="300"/>
      <c r="M39" s="301"/>
      <c r="N39" s="302"/>
      <c r="O39" s="305"/>
      <c r="P39" s="318"/>
    </row>
    <row r="40" spans="1:16" ht="24.95" customHeight="1">
      <c r="A40" s="283"/>
      <c r="B40" s="284"/>
      <c r="C40" s="285"/>
      <c r="D40" s="289"/>
      <c r="E40" s="290"/>
      <c r="F40" s="293" t="s">
        <v>153</v>
      </c>
      <c r="G40" s="303"/>
      <c r="H40" s="304"/>
      <c r="I40" s="64"/>
      <c r="J40" s="65"/>
      <c r="K40" s="159" t="s">
        <v>153</v>
      </c>
      <c r="L40" s="64"/>
      <c r="M40" s="65"/>
      <c r="N40" s="159" t="s">
        <v>153</v>
      </c>
      <c r="O40" s="295"/>
      <c r="P40" s="316"/>
    </row>
    <row r="41" spans="1:16" ht="15" customHeight="1">
      <c r="A41" s="286"/>
      <c r="B41" s="287"/>
      <c r="C41" s="288"/>
      <c r="D41" s="291"/>
      <c r="E41" s="292"/>
      <c r="F41" s="294"/>
      <c r="G41" s="303"/>
      <c r="H41" s="304"/>
      <c r="I41" s="297"/>
      <c r="J41" s="298"/>
      <c r="K41" s="299"/>
      <c r="L41" s="300"/>
      <c r="M41" s="301"/>
      <c r="N41" s="302"/>
      <c r="O41" s="305"/>
      <c r="P41" s="318"/>
    </row>
    <row r="42" spans="1:16" ht="24.95" customHeight="1">
      <c r="A42" s="283"/>
      <c r="B42" s="284"/>
      <c r="C42" s="285"/>
      <c r="D42" s="289"/>
      <c r="E42" s="290"/>
      <c r="F42" s="293" t="s">
        <v>153</v>
      </c>
      <c r="G42" s="303"/>
      <c r="H42" s="304"/>
      <c r="I42" s="64"/>
      <c r="J42" s="65"/>
      <c r="K42" s="159" t="s">
        <v>153</v>
      </c>
      <c r="L42" s="64"/>
      <c r="M42" s="65"/>
      <c r="N42" s="159" t="s">
        <v>153</v>
      </c>
      <c r="O42" s="295"/>
      <c r="P42" s="316"/>
    </row>
    <row r="43" spans="1:16" ht="15" customHeight="1" thickBot="1">
      <c r="A43" s="286"/>
      <c r="B43" s="287"/>
      <c r="C43" s="288"/>
      <c r="D43" s="291"/>
      <c r="E43" s="292"/>
      <c r="F43" s="294"/>
      <c r="G43" s="303"/>
      <c r="H43" s="304"/>
      <c r="I43" s="297"/>
      <c r="J43" s="298"/>
      <c r="K43" s="299"/>
      <c r="L43" s="300"/>
      <c r="M43" s="301"/>
      <c r="N43" s="302"/>
      <c r="O43" s="296"/>
      <c r="P43" s="317"/>
    </row>
    <row r="44" spans="1:16" ht="30" customHeight="1" thickBot="1">
      <c r="A44" s="306" t="s">
        <v>12</v>
      </c>
      <c r="B44" s="307"/>
      <c r="C44" s="307"/>
      <c r="D44" s="307"/>
      <c r="E44" s="307"/>
      <c r="F44" s="307"/>
      <c r="G44" s="307"/>
      <c r="H44" s="308"/>
      <c r="I44" s="67"/>
      <c r="J44" s="68">
        <f>SUM(J10:J43)</f>
        <v>0</v>
      </c>
      <c r="K44" s="159" t="s">
        <v>153</v>
      </c>
      <c r="L44" s="69"/>
      <c r="M44" s="70">
        <f>SUM(M10:O43)</f>
        <v>0</v>
      </c>
      <c r="N44" s="159" t="s">
        <v>153</v>
      </c>
      <c r="O44" s="309"/>
      <c r="P44" s="311"/>
    </row>
    <row r="45" spans="1:16" ht="34.5" customHeight="1" thickBot="1">
      <c r="A45" s="313"/>
      <c r="B45" s="314"/>
      <c r="C45" s="315"/>
      <c r="D45" s="71" t="s">
        <v>146</v>
      </c>
      <c r="E45" s="72"/>
      <c r="F45" s="72"/>
      <c r="G45" s="72"/>
      <c r="H45" s="73" t="s">
        <v>95</v>
      </c>
      <c r="I45" s="74"/>
      <c r="J45" s="75">
        <f>J44*E45</f>
        <v>0</v>
      </c>
      <c r="K45" s="76" t="s">
        <v>76</v>
      </c>
      <c r="L45" s="77"/>
      <c r="M45" s="78">
        <f>M44*E45</f>
        <v>0</v>
      </c>
      <c r="N45" s="79" t="s">
        <v>76</v>
      </c>
      <c r="O45" s="310"/>
      <c r="P45" s="312"/>
    </row>
    <row r="46" spans="1:16" ht="5.0999999999999996" customHeight="1" thickTop="1"/>
    <row r="48" spans="1:16">
      <c r="A48" s="80"/>
      <c r="B48" s="81"/>
    </row>
    <row r="49" spans="1:2">
      <c r="A49" s="80"/>
      <c r="B49" s="81"/>
    </row>
    <row r="50" spans="1:2">
      <c r="A50" s="80"/>
      <c r="B50" s="81"/>
    </row>
    <row r="51" spans="1:2">
      <c r="A51" s="80"/>
      <c r="B51" s="81"/>
    </row>
    <row r="52" spans="1:2">
      <c r="A52" s="80"/>
      <c r="B52" s="81"/>
    </row>
    <row r="53" spans="1:2">
      <c r="A53" s="82"/>
      <c r="B53" s="81"/>
    </row>
    <row r="54" spans="1:2">
      <c r="A54" s="80"/>
      <c r="B54" s="81"/>
    </row>
  </sheetData>
  <mergeCells count="179">
    <mergeCell ref="A1:P1"/>
    <mergeCell ref="I3:K3"/>
    <mergeCell ref="L3:M3"/>
    <mergeCell ref="N3:P3"/>
    <mergeCell ref="I4:K4"/>
    <mergeCell ref="L4:M4"/>
    <mergeCell ref="N4:P4"/>
    <mergeCell ref="J9:K9"/>
    <mergeCell ref="A10:C11"/>
    <mergeCell ref="D10:E11"/>
    <mergeCell ref="F10:F11"/>
    <mergeCell ref="O10:O11"/>
    <mergeCell ref="P10:P11"/>
    <mergeCell ref="I11:K11"/>
    <mergeCell ref="L11:N11"/>
    <mergeCell ref="I5:P5"/>
    <mergeCell ref="A6:C9"/>
    <mergeCell ref="D6:F9"/>
    <mergeCell ref="O6:O9"/>
    <mergeCell ref="P6:P9"/>
    <mergeCell ref="M7:N7"/>
    <mergeCell ref="J8:K8"/>
    <mergeCell ref="M8:N8"/>
    <mergeCell ref="B3:H4"/>
    <mergeCell ref="A14:C15"/>
    <mergeCell ref="D14:E15"/>
    <mergeCell ref="F14:F15"/>
    <mergeCell ref="O14:O15"/>
    <mergeCell ref="P14:P15"/>
    <mergeCell ref="I15:K15"/>
    <mergeCell ref="L15:N15"/>
    <mergeCell ref="G15:H15"/>
    <mergeCell ref="A12:C13"/>
    <mergeCell ref="D12:E13"/>
    <mergeCell ref="F12:F13"/>
    <mergeCell ref="O12:O13"/>
    <mergeCell ref="P12:P13"/>
    <mergeCell ref="I13:K13"/>
    <mergeCell ref="L13:N13"/>
    <mergeCell ref="A16:C17"/>
    <mergeCell ref="D16:E17"/>
    <mergeCell ref="F16:F17"/>
    <mergeCell ref="O16:O17"/>
    <mergeCell ref="P16:P17"/>
    <mergeCell ref="I17:K17"/>
    <mergeCell ref="L17:N17"/>
    <mergeCell ref="G16:H16"/>
    <mergeCell ref="G17:H17"/>
    <mergeCell ref="A18:C19"/>
    <mergeCell ref="D18:E19"/>
    <mergeCell ref="F18:F19"/>
    <mergeCell ref="O18:O19"/>
    <mergeCell ref="P18:P19"/>
    <mergeCell ref="I19:K19"/>
    <mergeCell ref="L19:N19"/>
    <mergeCell ref="G18:H18"/>
    <mergeCell ref="G19:H19"/>
    <mergeCell ref="A20:C21"/>
    <mergeCell ref="D20:E21"/>
    <mergeCell ref="F20:F21"/>
    <mergeCell ref="O20:O21"/>
    <mergeCell ref="P20:P21"/>
    <mergeCell ref="I21:K21"/>
    <mergeCell ref="L21:N21"/>
    <mergeCell ref="G20:H20"/>
    <mergeCell ref="G21:H21"/>
    <mergeCell ref="A22:C23"/>
    <mergeCell ref="D22:E23"/>
    <mergeCell ref="F22:F23"/>
    <mergeCell ref="O22:O23"/>
    <mergeCell ref="P22:P23"/>
    <mergeCell ref="I23:K23"/>
    <mergeCell ref="L23:N23"/>
    <mergeCell ref="G22:H22"/>
    <mergeCell ref="G23:H23"/>
    <mergeCell ref="A24:C25"/>
    <mergeCell ref="D24:E25"/>
    <mergeCell ref="F24:F25"/>
    <mergeCell ref="O24:O25"/>
    <mergeCell ref="P24:P25"/>
    <mergeCell ref="I25:K25"/>
    <mergeCell ref="L25:N25"/>
    <mergeCell ref="G24:H24"/>
    <mergeCell ref="G25:H25"/>
    <mergeCell ref="A26:C27"/>
    <mergeCell ref="D26:E27"/>
    <mergeCell ref="F26:F27"/>
    <mergeCell ref="O26:O27"/>
    <mergeCell ref="P26:P27"/>
    <mergeCell ref="I27:K27"/>
    <mergeCell ref="L27:N27"/>
    <mergeCell ref="G26:H26"/>
    <mergeCell ref="G27:H27"/>
    <mergeCell ref="A28:C29"/>
    <mergeCell ref="D28:E29"/>
    <mergeCell ref="F28:F29"/>
    <mergeCell ref="O28:O29"/>
    <mergeCell ref="P28:P29"/>
    <mergeCell ref="I29:K29"/>
    <mergeCell ref="L29:N29"/>
    <mergeCell ref="G28:H28"/>
    <mergeCell ref="G29:H29"/>
    <mergeCell ref="A30:C31"/>
    <mergeCell ref="D30:E31"/>
    <mergeCell ref="F30:F31"/>
    <mergeCell ref="O30:O31"/>
    <mergeCell ref="P30:P31"/>
    <mergeCell ref="I31:K31"/>
    <mergeCell ref="L31:N31"/>
    <mergeCell ref="G30:H30"/>
    <mergeCell ref="G31:H31"/>
    <mergeCell ref="F34:F35"/>
    <mergeCell ref="O34:O35"/>
    <mergeCell ref="P34:P35"/>
    <mergeCell ref="I35:K35"/>
    <mergeCell ref="L35:N35"/>
    <mergeCell ref="G34:H34"/>
    <mergeCell ref="G35:H35"/>
    <mergeCell ref="A32:C33"/>
    <mergeCell ref="D32:E33"/>
    <mergeCell ref="F32:F33"/>
    <mergeCell ref="O32:O33"/>
    <mergeCell ref="P32:P33"/>
    <mergeCell ref="I33:K33"/>
    <mergeCell ref="L33:N33"/>
    <mergeCell ref="G32:H32"/>
    <mergeCell ref="G33:H33"/>
    <mergeCell ref="P38:P39"/>
    <mergeCell ref="I39:K39"/>
    <mergeCell ref="L39:N39"/>
    <mergeCell ref="G38:H38"/>
    <mergeCell ref="G39:H39"/>
    <mergeCell ref="A36:C37"/>
    <mergeCell ref="D36:E37"/>
    <mergeCell ref="F36:F37"/>
    <mergeCell ref="O36:O37"/>
    <mergeCell ref="P36:P37"/>
    <mergeCell ref="I37:K37"/>
    <mergeCell ref="L37:N37"/>
    <mergeCell ref="G36:H36"/>
    <mergeCell ref="G37:H37"/>
    <mergeCell ref="A44:H44"/>
    <mergeCell ref="O44:O45"/>
    <mergeCell ref="P44:P45"/>
    <mergeCell ref="A45:C45"/>
    <mergeCell ref="P42:P43"/>
    <mergeCell ref="A40:C41"/>
    <mergeCell ref="D40:E41"/>
    <mergeCell ref="F40:F41"/>
    <mergeCell ref="O40:O41"/>
    <mergeCell ref="P40:P41"/>
    <mergeCell ref="I41:K41"/>
    <mergeCell ref="L41:N41"/>
    <mergeCell ref="G40:H40"/>
    <mergeCell ref="G41:H41"/>
    <mergeCell ref="A3:A4"/>
    <mergeCell ref="A5:B5"/>
    <mergeCell ref="G6:H6"/>
    <mergeCell ref="G7:H9"/>
    <mergeCell ref="E5:F5"/>
    <mergeCell ref="A42:C43"/>
    <mergeCell ref="D42:E43"/>
    <mergeCell ref="F42:F43"/>
    <mergeCell ref="O42:O43"/>
    <mergeCell ref="I43:K43"/>
    <mergeCell ref="L43:N43"/>
    <mergeCell ref="G42:H42"/>
    <mergeCell ref="G43:H43"/>
    <mergeCell ref="G10:H10"/>
    <mergeCell ref="G11:H11"/>
    <mergeCell ref="G12:H12"/>
    <mergeCell ref="G13:H13"/>
    <mergeCell ref="G14:H14"/>
    <mergeCell ref="A38:C39"/>
    <mergeCell ref="D38:E39"/>
    <mergeCell ref="F38:F39"/>
    <mergeCell ref="O38:O39"/>
    <mergeCell ref="A34:C35"/>
    <mergeCell ref="D34:E35"/>
  </mergeCells>
  <phoneticPr fontId="2"/>
  <dataValidations count="4">
    <dataValidation type="list" allowBlank="1" showInputMessage="1" showErrorMessage="1" sqref="I43:K43 I13:K13 I15:K15 I17:K17 I19:K19 I21:K21 I23:K23 I25:K25 I27:K27 I29:K29 I31:K31 I33:K33 I35:K35 I37:K37 I39:K39 I41:K41">
      <formula1>$I$6:$I$9</formula1>
    </dataValidation>
    <dataValidation type="list" allowBlank="1" showInputMessage="1" showErrorMessage="1" promptTitle="排出区分" sqref="I11:K11">
      <formula1>$I$6:$I$9</formula1>
    </dataValidation>
    <dataValidation type="list" allowBlank="1" showInputMessage="1" showErrorMessage="1" sqref="L11:N11 L13:N13 L15:N15 L17:N17 L19:N19 L21:N21 L23:N23 L25:N25 L27:N27 L29:N29 L31:N31 L33:N33 L35:N35 L37:N37 L39:N39 L41:N41 L43:N43">
      <formula1>$L$6:$L$8</formula1>
    </dataValidation>
    <dataValidation type="list" allowBlank="1" showInputMessage="1" showErrorMessage="1" sqref="F10:F43 K10 N10 K12 K14 K16 K18 K20 N12 N14 N16 N18 N20 K22 N22 K24 K26 K28 K30 K32 K34 K36 K38 N24 N26 N28 N30 N32 N34 N36 N38 K40 N40 N42 K42 K44 N44">
      <formula1>"ml,g"</formula1>
    </dataValidation>
  </dataValidations>
  <printOptions horizontalCentered="1"/>
  <pageMargins left="0.70866141732283472" right="0.70866141732283472" top="0.74803149606299213" bottom="0.74803149606299213" header="0.31496062992125984" footer="0.31496062992125984"/>
  <pageSetup paperSize="9" scale="90" orientation="portrait" r:id="rId1"/>
  <headerFooter>
    <oddHeader>&amp;L化学物質使用責任者用
（様式４）&amp;C
&amp;R（　／　）
東京都条例につき豊洲キャンパス限定</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dimension ref="A1:E28"/>
  <sheetViews>
    <sheetView view="pageBreakPreview" zoomScaleNormal="100" zoomScaleSheetLayoutView="100" workbookViewId="0">
      <selection activeCell="I9" sqref="I9"/>
    </sheetView>
  </sheetViews>
  <sheetFormatPr defaultRowHeight="13.5"/>
  <cols>
    <col min="1" max="1" width="20.625" style="5" customWidth="1"/>
    <col min="2" max="2" width="18.625" style="5" customWidth="1"/>
    <col min="3" max="3" width="23.625" style="5" customWidth="1"/>
    <col min="4" max="4" width="9.625" style="5" customWidth="1"/>
    <col min="5" max="5" width="18.125" style="5" customWidth="1"/>
    <col min="6" max="16384" width="9" style="5"/>
  </cols>
  <sheetData>
    <row r="1" spans="1:5">
      <c r="A1" s="4" t="s">
        <v>72</v>
      </c>
    </row>
    <row r="2" spans="1:5" ht="25.5">
      <c r="A2" s="367" t="s">
        <v>65</v>
      </c>
      <c r="B2" s="367"/>
      <c r="C2" s="367"/>
      <c r="D2" s="367"/>
      <c r="E2" s="367"/>
    </row>
    <row r="3" spans="1:5" ht="17.25">
      <c r="A3" s="370"/>
      <c r="B3" s="370"/>
      <c r="C3" s="370"/>
      <c r="D3" s="370"/>
      <c r="E3" s="370"/>
    </row>
    <row r="4" spans="1:5" ht="13.5" customHeight="1">
      <c r="A4" s="11"/>
      <c r="B4" s="11"/>
      <c r="C4" s="11"/>
      <c r="D4" s="11"/>
      <c r="E4" s="11"/>
    </row>
    <row r="5" spans="1:5" s="3" customFormat="1" ht="24.95" customHeight="1">
      <c r="B5" s="1" t="s">
        <v>5</v>
      </c>
      <c r="C5" s="368"/>
      <c r="D5" s="369"/>
    </row>
    <row r="6" spans="1:5" s="3" customFormat="1" ht="24.95" customHeight="1">
      <c r="B6" s="1" t="s">
        <v>150</v>
      </c>
      <c r="C6" s="368" t="s">
        <v>1</v>
      </c>
      <c r="D6" s="369"/>
    </row>
    <row r="8" spans="1:5" s="12" customFormat="1" ht="30" customHeight="1">
      <c r="A8" s="108" t="s">
        <v>20</v>
      </c>
      <c r="B8" s="108" t="s">
        <v>8</v>
      </c>
      <c r="C8" s="108" t="s">
        <v>149</v>
      </c>
      <c r="D8" s="108" t="s">
        <v>21</v>
      </c>
      <c r="E8" s="108" t="s">
        <v>71</v>
      </c>
    </row>
    <row r="9" spans="1:5" s="3" customFormat="1" ht="30" customHeight="1">
      <c r="A9" s="2"/>
      <c r="B9" s="2"/>
      <c r="C9" s="2"/>
      <c r="D9" s="2"/>
      <c r="E9" s="2"/>
    </row>
    <row r="10" spans="1:5" s="3" customFormat="1" ht="30" customHeight="1">
      <c r="A10" s="2"/>
      <c r="B10" s="2"/>
      <c r="C10" s="2"/>
      <c r="D10" s="2"/>
      <c r="E10" s="2"/>
    </row>
    <row r="11" spans="1:5" s="3" customFormat="1" ht="30" customHeight="1">
      <c r="A11" s="2"/>
      <c r="B11" s="2"/>
      <c r="C11" s="2"/>
      <c r="D11" s="2"/>
      <c r="E11" s="2"/>
    </row>
    <row r="12" spans="1:5" s="3" customFormat="1" ht="30" customHeight="1">
      <c r="A12" s="2"/>
      <c r="B12" s="2"/>
      <c r="C12" s="2"/>
      <c r="D12" s="2"/>
      <c r="E12" s="2"/>
    </row>
    <row r="13" spans="1:5" s="3" customFormat="1" ht="30" customHeight="1">
      <c r="A13" s="2"/>
      <c r="B13" s="2"/>
      <c r="C13" s="2"/>
      <c r="D13" s="2"/>
      <c r="E13" s="2"/>
    </row>
    <row r="14" spans="1:5" s="3" customFormat="1" ht="30" customHeight="1">
      <c r="A14" s="2"/>
      <c r="B14" s="2"/>
      <c r="C14" s="2"/>
      <c r="D14" s="2"/>
      <c r="E14" s="2"/>
    </row>
    <row r="15" spans="1:5" s="3" customFormat="1" ht="30" customHeight="1">
      <c r="A15" s="2"/>
      <c r="B15" s="2"/>
      <c r="C15" s="2"/>
      <c r="D15" s="2"/>
      <c r="E15" s="2"/>
    </row>
    <row r="16" spans="1:5" s="3" customFormat="1" ht="30" customHeight="1">
      <c r="A16" s="2"/>
      <c r="B16" s="2"/>
      <c r="C16" s="2"/>
      <c r="D16" s="2"/>
      <c r="E16" s="2"/>
    </row>
    <row r="17" spans="1:5" s="3" customFormat="1" ht="30" customHeight="1">
      <c r="A17" s="2"/>
      <c r="B17" s="2"/>
      <c r="C17" s="2"/>
      <c r="D17" s="2"/>
      <c r="E17" s="2"/>
    </row>
    <row r="18" spans="1:5" s="3" customFormat="1" ht="30" customHeight="1">
      <c r="A18" s="2"/>
      <c r="B18" s="2"/>
      <c r="C18" s="2"/>
      <c r="D18" s="2"/>
      <c r="E18" s="2"/>
    </row>
    <row r="19" spans="1:5" s="3" customFormat="1" ht="30" customHeight="1">
      <c r="A19" s="2"/>
      <c r="B19" s="2"/>
      <c r="C19" s="2"/>
      <c r="D19" s="2"/>
      <c r="E19" s="2"/>
    </row>
    <row r="20" spans="1:5" s="3" customFormat="1" ht="30" customHeight="1">
      <c r="A20" s="2"/>
      <c r="B20" s="2"/>
      <c r="C20" s="2"/>
      <c r="D20" s="2"/>
      <c r="E20" s="2"/>
    </row>
    <row r="21" spans="1:5" s="3" customFormat="1" ht="30" customHeight="1">
      <c r="A21" s="2"/>
      <c r="B21" s="2"/>
      <c r="C21" s="2"/>
      <c r="D21" s="2"/>
      <c r="E21" s="2"/>
    </row>
    <row r="22" spans="1:5" s="3" customFormat="1" ht="30" customHeight="1">
      <c r="A22" s="2"/>
      <c r="B22" s="2"/>
      <c r="C22" s="2"/>
      <c r="D22" s="2"/>
      <c r="E22" s="2"/>
    </row>
    <row r="23" spans="1:5" s="3" customFormat="1" ht="30" customHeight="1">
      <c r="A23" s="2"/>
      <c r="B23" s="2"/>
      <c r="C23" s="2"/>
      <c r="D23" s="2"/>
      <c r="E23" s="2"/>
    </row>
    <row r="24" spans="1:5" s="3" customFormat="1" ht="30" customHeight="1">
      <c r="A24" s="2"/>
      <c r="B24" s="2"/>
      <c r="C24" s="2"/>
      <c r="D24" s="2"/>
      <c r="E24" s="2"/>
    </row>
    <row r="25" spans="1:5" ht="39.950000000000003" customHeight="1">
      <c r="A25" s="365" t="s">
        <v>22</v>
      </c>
      <c r="B25" s="365"/>
      <c r="C25" s="365"/>
      <c r="D25" s="365"/>
      <c r="E25" s="365"/>
    </row>
    <row r="26" spans="1:5" ht="39.950000000000003" customHeight="1">
      <c r="A26" s="366" t="s">
        <v>2</v>
      </c>
      <c r="B26" s="366"/>
      <c r="C26" s="366"/>
      <c r="D26" s="366"/>
      <c r="E26" s="366"/>
    </row>
    <row r="27" spans="1:5" ht="39.950000000000003" customHeight="1">
      <c r="A27" s="366" t="s">
        <v>2</v>
      </c>
      <c r="B27" s="366"/>
      <c r="C27" s="366"/>
      <c r="D27" s="366"/>
      <c r="E27" s="366"/>
    </row>
    <row r="28" spans="1:5" ht="39.950000000000003" customHeight="1">
      <c r="A28" s="366" t="s">
        <v>3</v>
      </c>
      <c r="B28" s="366"/>
      <c r="C28" s="366"/>
      <c r="D28" s="366"/>
      <c r="E28" s="366"/>
    </row>
  </sheetData>
  <mergeCells count="8">
    <mergeCell ref="A25:E25"/>
    <mergeCell ref="A27:E27"/>
    <mergeCell ref="A28:E28"/>
    <mergeCell ref="A2:E2"/>
    <mergeCell ref="C5:D5"/>
    <mergeCell ref="C6:D6"/>
    <mergeCell ref="A3:E3"/>
    <mergeCell ref="A26:E26"/>
  </mergeCells>
  <phoneticPr fontId="2"/>
  <pageMargins left="0.78740157480314965" right="0.39370078740157483" top="0.70866141732283472" bottom="0.43307086614173229" header="0.51181102362204722" footer="0.31496062992125984"/>
  <pageSetup paperSize="9" orientation="portrait" r:id="rId1"/>
  <headerFooter alignWithMargins="0">
    <oddHeader>&amp;L化学物質担当責任者用</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B1:D25"/>
  <sheetViews>
    <sheetView workbookViewId="0">
      <selection activeCell="L16" sqref="L16"/>
    </sheetView>
  </sheetViews>
  <sheetFormatPr defaultRowHeight="13.5"/>
  <cols>
    <col min="2" max="2" width="10.125" customWidth="1"/>
    <col min="3" max="3" width="32.375" bestFit="1" customWidth="1"/>
    <col min="4" max="4" width="75.625" customWidth="1"/>
  </cols>
  <sheetData>
    <row r="1" spans="2:4" ht="21">
      <c r="B1" s="176" t="s">
        <v>194</v>
      </c>
    </row>
    <row r="2" spans="2:4" ht="14.25" thickBot="1">
      <c r="B2" s="174"/>
    </row>
    <row r="3" spans="2:4" ht="18" thickBot="1">
      <c r="B3" s="178" t="s">
        <v>170</v>
      </c>
      <c r="C3" s="187" t="s">
        <v>171</v>
      </c>
      <c r="D3" s="188" t="s">
        <v>174</v>
      </c>
    </row>
    <row r="4" spans="2:4" ht="17.25">
      <c r="B4" s="371" t="s">
        <v>173</v>
      </c>
      <c r="C4" s="373" t="s">
        <v>172</v>
      </c>
      <c r="D4" s="180" t="s">
        <v>175</v>
      </c>
    </row>
    <row r="5" spans="2:4" ht="18" thickBot="1">
      <c r="B5" s="372"/>
      <c r="C5" s="374"/>
      <c r="D5" s="181" t="s">
        <v>184</v>
      </c>
    </row>
    <row r="6" spans="2:4" ht="17.25">
      <c r="B6" s="376" t="s">
        <v>176</v>
      </c>
      <c r="C6" s="375" t="s">
        <v>177</v>
      </c>
      <c r="D6" s="182" t="s">
        <v>175</v>
      </c>
    </row>
    <row r="7" spans="2:4" ht="17.25">
      <c r="B7" s="376"/>
      <c r="C7" s="375"/>
      <c r="D7" s="183" t="s">
        <v>183</v>
      </c>
    </row>
    <row r="8" spans="2:4" ht="17.25">
      <c r="B8" s="376"/>
      <c r="C8" s="375"/>
      <c r="D8" s="183" t="s">
        <v>185</v>
      </c>
    </row>
    <row r="9" spans="2:4" ht="52.5" thickBot="1">
      <c r="B9" s="376"/>
      <c r="C9" s="375"/>
      <c r="D9" s="184" t="s">
        <v>178</v>
      </c>
    </row>
    <row r="10" spans="2:4" ht="17.25">
      <c r="B10" s="371" t="s">
        <v>179</v>
      </c>
      <c r="C10" s="377" t="s">
        <v>180</v>
      </c>
      <c r="D10" s="180" t="s">
        <v>181</v>
      </c>
    </row>
    <row r="11" spans="2:4" ht="18" thickBot="1">
      <c r="B11" s="372"/>
      <c r="C11" s="378"/>
      <c r="D11" s="181" t="s">
        <v>182</v>
      </c>
    </row>
    <row r="12" spans="2:4" ht="17.25">
      <c r="B12" s="376" t="s">
        <v>190</v>
      </c>
      <c r="C12" s="375" t="s">
        <v>192</v>
      </c>
      <c r="D12" s="182" t="s">
        <v>181</v>
      </c>
    </row>
    <row r="13" spans="2:4" ht="18" thickBot="1">
      <c r="B13" s="376"/>
      <c r="C13" s="375"/>
      <c r="D13" s="185" t="s">
        <v>182</v>
      </c>
    </row>
    <row r="14" spans="2:4" ht="17.25">
      <c r="B14" s="371" t="s">
        <v>189</v>
      </c>
      <c r="C14" s="377" t="s">
        <v>191</v>
      </c>
      <c r="D14" s="180" t="s">
        <v>175</v>
      </c>
    </row>
    <row r="15" spans="2:4" ht="17.25">
      <c r="B15" s="376"/>
      <c r="C15" s="375"/>
      <c r="D15" s="183" t="s">
        <v>186</v>
      </c>
    </row>
    <row r="16" spans="2:4" ht="35.25" thickBot="1">
      <c r="B16" s="372"/>
      <c r="C16" s="378"/>
      <c r="D16" s="186" t="s">
        <v>188</v>
      </c>
    </row>
    <row r="17" spans="2:2">
      <c r="B17" s="175"/>
    </row>
    <row r="18" spans="2:2">
      <c r="B18" s="175"/>
    </row>
    <row r="19" spans="2:2">
      <c r="B19" s="175"/>
    </row>
    <row r="20" spans="2:2">
      <c r="B20" s="175"/>
    </row>
    <row r="21" spans="2:2">
      <c r="B21" s="175"/>
    </row>
    <row r="22" spans="2:2">
      <c r="B22" s="175"/>
    </row>
    <row r="23" spans="2:2">
      <c r="B23" s="175"/>
    </row>
    <row r="24" spans="2:2">
      <c r="B24" s="175"/>
    </row>
    <row r="25" spans="2:2">
      <c r="B25" s="175"/>
    </row>
  </sheetData>
  <mergeCells count="10">
    <mergeCell ref="C12:C13"/>
    <mergeCell ref="B10:B11"/>
    <mergeCell ref="C14:C16"/>
    <mergeCell ref="B14:B16"/>
    <mergeCell ref="B12:B13"/>
    <mergeCell ref="B4:B5"/>
    <mergeCell ref="C4:C5"/>
    <mergeCell ref="C6:C9"/>
    <mergeCell ref="B6:B9"/>
    <mergeCell ref="C10:C11"/>
  </mergeCells>
  <phoneticPr fontId="2"/>
  <pageMargins left="0.7" right="0.7" top="0.75" bottom="0.75" header="0.3" footer="0.3"/>
  <pageSetup paperSize="9"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31"/>
  <sheetViews>
    <sheetView topLeftCell="A4" zoomScaleNormal="100" zoomScaleSheetLayoutView="100" workbookViewId="0">
      <selection activeCell="L21" sqref="L21"/>
    </sheetView>
  </sheetViews>
  <sheetFormatPr defaultRowHeight="13.5"/>
  <cols>
    <col min="1" max="1" width="18.375" style="99" customWidth="1"/>
    <col min="2" max="4" width="12.875" style="99" customWidth="1"/>
    <col min="5" max="8" width="8.625" style="99" customWidth="1"/>
    <col min="9" max="10" width="6.125" style="99" customWidth="1"/>
    <col min="11" max="16384" width="9" style="99"/>
  </cols>
  <sheetData>
    <row r="1" spans="1:10" s="83" customFormat="1" ht="48.75" customHeight="1">
      <c r="A1" s="192" t="s">
        <v>109</v>
      </c>
      <c r="B1" s="192"/>
      <c r="C1" s="192"/>
      <c r="D1" s="192"/>
      <c r="E1" s="192"/>
      <c r="F1" s="192"/>
      <c r="G1" s="192"/>
      <c r="H1" s="192"/>
      <c r="I1" s="192"/>
      <c r="J1" s="192"/>
    </row>
    <row r="2" spans="1:10" s="85" customFormat="1" ht="24.95" customHeight="1">
      <c r="A2" s="210" t="s">
        <v>97</v>
      </c>
      <c r="B2" s="211"/>
      <c r="C2" s="105" t="s">
        <v>13</v>
      </c>
      <c r="D2" s="105" t="s">
        <v>112</v>
      </c>
      <c r="E2" s="193" t="s">
        <v>78</v>
      </c>
      <c r="F2" s="193"/>
      <c r="G2" s="104" t="s">
        <v>83</v>
      </c>
      <c r="H2" s="194" t="s">
        <v>84</v>
      </c>
      <c r="I2" s="194"/>
      <c r="J2" s="194"/>
    </row>
    <row r="3" spans="1:10" s="85" customFormat="1" ht="24.95" customHeight="1">
      <c r="A3" s="382" t="s">
        <v>110</v>
      </c>
      <c r="B3" s="383"/>
      <c r="C3" s="110" t="s">
        <v>111</v>
      </c>
      <c r="D3" s="117" t="s">
        <v>113</v>
      </c>
      <c r="E3" s="384" t="s">
        <v>80</v>
      </c>
      <c r="F3" s="384"/>
      <c r="G3" s="111" t="s">
        <v>81</v>
      </c>
      <c r="H3" s="385" t="s">
        <v>82</v>
      </c>
      <c r="I3" s="385"/>
      <c r="J3" s="385"/>
    </row>
    <row r="4" spans="1:10" s="87" customFormat="1" ht="24.75" customHeight="1">
      <c r="A4" s="197" t="s">
        <v>98</v>
      </c>
      <c r="B4" s="199" t="s">
        <v>99</v>
      </c>
      <c r="C4" s="197"/>
      <c r="D4" s="197"/>
      <c r="E4" s="200" t="s">
        <v>106</v>
      </c>
      <c r="F4" s="201"/>
      <c r="G4" s="201"/>
      <c r="H4" s="202"/>
      <c r="I4" s="206" t="s">
        <v>27</v>
      </c>
      <c r="J4" s="208" t="s">
        <v>6</v>
      </c>
    </row>
    <row r="5" spans="1:10" s="87" customFormat="1" ht="30" customHeight="1">
      <c r="A5" s="198"/>
      <c r="B5" s="105" t="s">
        <v>118</v>
      </c>
      <c r="C5" s="105" t="s">
        <v>119</v>
      </c>
      <c r="D5" s="105" t="s">
        <v>120</v>
      </c>
      <c r="E5" s="203"/>
      <c r="F5" s="204"/>
      <c r="G5" s="204"/>
      <c r="H5" s="205"/>
      <c r="I5" s="207"/>
      <c r="J5" s="209"/>
    </row>
    <row r="6" spans="1:10" s="85" customFormat="1" ht="30" customHeight="1">
      <c r="A6" s="112">
        <v>43191</v>
      </c>
      <c r="B6" s="113" t="s">
        <v>113</v>
      </c>
      <c r="C6" s="113"/>
      <c r="D6" s="113" t="s">
        <v>113</v>
      </c>
      <c r="E6" s="379" t="s">
        <v>25</v>
      </c>
      <c r="F6" s="380"/>
      <c r="G6" s="380"/>
      <c r="H6" s="381"/>
      <c r="I6" s="114" t="s">
        <v>75</v>
      </c>
      <c r="J6" s="114" t="s">
        <v>75</v>
      </c>
    </row>
    <row r="7" spans="1:10" s="85" customFormat="1" ht="30" customHeight="1">
      <c r="A7" s="112">
        <v>43220</v>
      </c>
      <c r="B7" s="115"/>
      <c r="C7" s="113" t="s">
        <v>121</v>
      </c>
      <c r="D7" s="113" t="s">
        <v>122</v>
      </c>
      <c r="E7" s="379" t="s">
        <v>26</v>
      </c>
      <c r="F7" s="380"/>
      <c r="G7" s="380"/>
      <c r="H7" s="381"/>
      <c r="I7" s="114" t="s">
        <v>75</v>
      </c>
      <c r="J7" s="114" t="s">
        <v>75</v>
      </c>
    </row>
    <row r="8" spans="1:10" s="85" customFormat="1" ht="30" customHeight="1">
      <c r="A8" s="112">
        <v>43235</v>
      </c>
      <c r="B8" s="116"/>
      <c r="C8" s="113" t="s">
        <v>122</v>
      </c>
      <c r="D8" s="113">
        <v>0</v>
      </c>
      <c r="E8" s="379" t="s">
        <v>26</v>
      </c>
      <c r="F8" s="380"/>
      <c r="G8" s="380"/>
      <c r="H8" s="381"/>
      <c r="I8" s="114" t="s">
        <v>75</v>
      </c>
      <c r="J8" s="114" t="s">
        <v>75</v>
      </c>
    </row>
    <row r="9" spans="1:10" s="85" customFormat="1" ht="30" customHeight="1">
      <c r="A9" s="90"/>
      <c r="B9" s="105"/>
      <c r="C9" s="105"/>
      <c r="D9" s="105"/>
      <c r="E9" s="189"/>
      <c r="F9" s="190"/>
      <c r="G9" s="190"/>
      <c r="H9" s="191"/>
      <c r="I9" s="91"/>
      <c r="J9" s="91"/>
    </row>
    <row r="10" spans="1:10" s="85" customFormat="1" ht="30" customHeight="1">
      <c r="A10" s="14"/>
      <c r="B10" s="13"/>
      <c r="C10" s="13"/>
      <c r="D10" s="13"/>
      <c r="E10" s="189"/>
      <c r="F10" s="190"/>
      <c r="G10" s="190"/>
      <c r="H10" s="191"/>
      <c r="I10" s="91"/>
      <c r="J10" s="91"/>
    </row>
    <row r="11" spans="1:10" s="85" customFormat="1" ht="30" customHeight="1">
      <c r="A11" s="90"/>
      <c r="B11" s="105"/>
      <c r="C11" s="105"/>
      <c r="D11" s="105"/>
      <c r="E11" s="189"/>
      <c r="F11" s="190"/>
      <c r="G11" s="190"/>
      <c r="H11" s="191"/>
      <c r="I11" s="91"/>
      <c r="J11" s="91"/>
    </row>
    <row r="12" spans="1:10" s="85" customFormat="1" ht="30" customHeight="1">
      <c r="A12" s="89"/>
      <c r="B12" s="105"/>
      <c r="C12" s="92"/>
      <c r="D12" s="105"/>
      <c r="E12" s="189"/>
      <c r="F12" s="190"/>
      <c r="G12" s="190"/>
      <c r="H12" s="191"/>
      <c r="I12" s="93"/>
      <c r="J12" s="93"/>
    </row>
    <row r="13" spans="1:10" s="85" customFormat="1" ht="30" customHeight="1">
      <c r="A13" s="89"/>
      <c r="B13" s="89"/>
      <c r="C13" s="89"/>
      <c r="D13" s="89"/>
      <c r="E13" s="189"/>
      <c r="F13" s="190"/>
      <c r="G13" s="190"/>
      <c r="H13" s="191"/>
      <c r="I13" s="94"/>
      <c r="J13" s="94"/>
    </row>
    <row r="14" spans="1:10" s="85" customFormat="1" ht="30" customHeight="1">
      <c r="A14" s="89"/>
      <c r="B14" s="89"/>
      <c r="C14" s="89"/>
      <c r="D14" s="89"/>
      <c r="E14" s="189"/>
      <c r="F14" s="190"/>
      <c r="G14" s="190"/>
      <c r="H14" s="191"/>
      <c r="I14" s="91"/>
      <c r="J14" s="91"/>
    </row>
    <row r="15" spans="1:10" s="85" customFormat="1" ht="30" customHeight="1">
      <c r="A15" s="89"/>
      <c r="B15" s="89"/>
      <c r="C15" s="89"/>
      <c r="D15" s="89"/>
      <c r="E15" s="189"/>
      <c r="F15" s="190"/>
      <c r="G15" s="190"/>
      <c r="H15" s="191"/>
      <c r="I15" s="93"/>
      <c r="J15" s="93"/>
    </row>
    <row r="16" spans="1:10" s="85" customFormat="1" ht="30" customHeight="1">
      <c r="A16" s="89"/>
      <c r="B16" s="89"/>
      <c r="C16" s="89"/>
      <c r="D16" s="89"/>
      <c r="E16" s="189"/>
      <c r="F16" s="190"/>
      <c r="G16" s="190"/>
      <c r="H16" s="191"/>
      <c r="I16" s="94"/>
      <c r="J16" s="94"/>
    </row>
    <row r="17" spans="1:10" s="85" customFormat="1" ht="30" customHeight="1">
      <c r="A17" s="89"/>
      <c r="B17" s="89"/>
      <c r="C17" s="89"/>
      <c r="D17" s="89"/>
      <c r="E17" s="189"/>
      <c r="F17" s="190"/>
      <c r="G17" s="190"/>
      <c r="H17" s="191"/>
      <c r="I17" s="91"/>
      <c r="J17" s="91"/>
    </row>
    <row r="18" spans="1:10" s="85" customFormat="1" ht="30" customHeight="1">
      <c r="A18" s="89"/>
      <c r="B18" s="89"/>
      <c r="C18" s="89"/>
      <c r="D18" s="95"/>
      <c r="E18" s="189"/>
      <c r="F18" s="190"/>
      <c r="G18" s="190"/>
      <c r="H18" s="191"/>
      <c r="I18" s="105"/>
      <c r="J18" s="105"/>
    </row>
    <row r="19" spans="1:10" s="85" customFormat="1" ht="30" customHeight="1">
      <c r="A19" s="89"/>
      <c r="B19" s="89"/>
      <c r="C19" s="89"/>
      <c r="D19" s="89"/>
      <c r="E19" s="189"/>
      <c r="F19" s="190"/>
      <c r="G19" s="190"/>
      <c r="H19" s="191"/>
      <c r="I19" s="89"/>
      <c r="J19" s="89"/>
    </row>
    <row r="20" spans="1:10" s="85" customFormat="1" ht="30" customHeight="1">
      <c r="A20" s="89"/>
      <c r="B20" s="89"/>
      <c r="C20" s="89"/>
      <c r="D20" s="89"/>
      <c r="E20" s="189"/>
      <c r="F20" s="190"/>
      <c r="G20" s="190"/>
      <c r="H20" s="191"/>
      <c r="I20" s="89"/>
      <c r="J20" s="89"/>
    </row>
    <row r="21" spans="1:10" s="85" customFormat="1" ht="30" customHeight="1">
      <c r="A21" s="89"/>
      <c r="B21" s="105"/>
      <c r="C21" s="105"/>
      <c r="D21" s="105"/>
      <c r="E21" s="189"/>
      <c r="F21" s="190"/>
      <c r="G21" s="190"/>
      <c r="H21" s="191"/>
      <c r="I21" s="105"/>
      <c r="J21" s="105"/>
    </row>
    <row r="22" spans="1:10" s="85" customFormat="1" ht="30" customHeight="1">
      <c r="A22" s="89"/>
      <c r="B22" s="89"/>
      <c r="C22" s="89"/>
      <c r="D22" s="89"/>
      <c r="E22" s="189"/>
      <c r="F22" s="190"/>
      <c r="G22" s="190"/>
      <c r="H22" s="191"/>
      <c r="I22" s="89"/>
      <c r="J22" s="89"/>
    </row>
    <row r="23" spans="1:10" s="85" customFormat="1" ht="30" customHeight="1">
      <c r="A23" s="89"/>
      <c r="B23" s="89"/>
      <c r="C23" s="89"/>
      <c r="D23" s="89"/>
      <c r="E23" s="189"/>
      <c r="F23" s="190"/>
      <c r="G23" s="190"/>
      <c r="H23" s="191"/>
      <c r="I23" s="89"/>
      <c r="J23" s="89"/>
    </row>
    <row r="24" spans="1:10" s="85" customFormat="1" ht="30" customHeight="1">
      <c r="A24" s="89"/>
      <c r="B24" s="89"/>
      <c r="C24" s="89"/>
      <c r="D24" s="89"/>
      <c r="E24" s="189"/>
      <c r="F24" s="190"/>
      <c r="G24" s="190"/>
      <c r="H24" s="191"/>
      <c r="I24" s="89"/>
      <c r="J24" s="89"/>
    </row>
    <row r="25" spans="1:10" s="85" customFormat="1" ht="30" customHeight="1">
      <c r="A25" s="89"/>
      <c r="B25" s="89"/>
      <c r="C25" s="89"/>
      <c r="D25" s="89"/>
      <c r="E25" s="189"/>
      <c r="F25" s="190"/>
      <c r="G25" s="190"/>
      <c r="H25" s="191"/>
      <c r="I25" s="89"/>
      <c r="J25" s="89"/>
    </row>
    <row r="27" spans="1:10" s="97" customFormat="1">
      <c r="A27" s="96" t="s">
        <v>24</v>
      </c>
    </row>
    <row r="28" spans="1:10" s="97" customFormat="1">
      <c r="A28" s="98" t="s">
        <v>29</v>
      </c>
    </row>
    <row r="29" spans="1:10" s="97" customFormat="1">
      <c r="A29" s="97" t="s">
        <v>193</v>
      </c>
    </row>
    <row r="30" spans="1:10" s="97" customFormat="1">
      <c r="A30" s="98" t="s">
        <v>23</v>
      </c>
    </row>
    <row r="31" spans="1:10" s="97" customFormat="1"/>
  </sheetData>
  <mergeCells count="32">
    <mergeCell ref="E25:H25"/>
    <mergeCell ref="E19:H19"/>
    <mergeCell ref="E20:H20"/>
    <mergeCell ref="E21:H21"/>
    <mergeCell ref="E22:H22"/>
    <mergeCell ref="E23:H23"/>
    <mergeCell ref="E24:H24"/>
    <mergeCell ref="E18:H18"/>
    <mergeCell ref="E7:H7"/>
    <mergeCell ref="E8:H8"/>
    <mergeCell ref="E9:H9"/>
    <mergeCell ref="E10:H10"/>
    <mergeCell ref="E11:H11"/>
    <mergeCell ref="E12:H12"/>
    <mergeCell ref="E13:H13"/>
    <mergeCell ref="E14:H14"/>
    <mergeCell ref="E15:H15"/>
    <mergeCell ref="E16:H16"/>
    <mergeCell ref="E17:H17"/>
    <mergeCell ref="E6:H6"/>
    <mergeCell ref="A1:J1"/>
    <mergeCell ref="A2:B2"/>
    <mergeCell ref="E2:F2"/>
    <mergeCell ref="H2:J2"/>
    <mergeCell ref="A3:B3"/>
    <mergeCell ref="E3:F3"/>
    <mergeCell ref="H3:J3"/>
    <mergeCell ref="A4:A5"/>
    <mergeCell ref="B4:D4"/>
    <mergeCell ref="E4:H5"/>
    <mergeCell ref="I4:I5"/>
    <mergeCell ref="J4:J5"/>
  </mergeCells>
  <phoneticPr fontId="2"/>
  <pageMargins left="0.74803149606299213" right="0.23622047244094491" top="0.62992125984251968" bottom="0.55118110236220474" header="0.51181102362204722" footer="0.51181102362204722"/>
  <pageSetup paperSize="9" scale="91" orientation="portrait" r:id="rId1"/>
  <headerFooter alignWithMargins="0">
    <oddHeader xml:space="preserve">&amp;L化学物質使用責任者用
（様式１-１）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3</vt:i4>
      </vt:variant>
    </vt:vector>
  </HeadingPairs>
  <TitlesOfParts>
    <vt:vector size="16" baseType="lpstr">
      <vt:lpstr>様式１-１</vt:lpstr>
      <vt:lpstr>様式１-2</vt:lpstr>
      <vt:lpstr>様式２-１</vt:lpstr>
      <vt:lpstr>様式２-２</vt:lpstr>
      <vt:lpstr>様式３</vt:lpstr>
      <vt:lpstr>様式４ </vt:lpstr>
      <vt:lpstr>様式６</vt:lpstr>
      <vt:lpstr>昨年との変更点</vt:lpstr>
      <vt:lpstr>記入例(様式１-１)</vt:lpstr>
      <vt:lpstr>記入例(様式１-2)</vt:lpstr>
      <vt:lpstr>記入例(様式２-１)</vt:lpstr>
      <vt:lpstr>記入例様式(２-２)</vt:lpstr>
      <vt:lpstr>記入例(様式4)</vt:lpstr>
      <vt:lpstr>'記入例(様式4)'!Print_Area</vt:lpstr>
      <vt:lpstr>'様式４ '!Print_Area</vt:lpstr>
      <vt:lpstr>様式６!Print_Area</vt:lpstr>
    </vt:vector>
  </TitlesOfParts>
  <Company>SHIBAURA-IT</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urokosi</dc:creator>
  <cp:lastModifiedBy>挾間　義邦</cp:lastModifiedBy>
  <cp:lastPrinted>2019-04-02T06:27:46Z</cp:lastPrinted>
  <dcterms:created xsi:type="dcterms:W3CDTF">2000-05-17T01:31:47Z</dcterms:created>
  <dcterms:modified xsi:type="dcterms:W3CDTF">2019-04-12T06:25:44Z</dcterms:modified>
</cp:coreProperties>
</file>